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/>
  <mc:AlternateContent xmlns:mc="http://schemas.openxmlformats.org/markup-compatibility/2006">
    <mc:Choice Requires="x15">
      <x15ac:absPath xmlns:x15ac="http://schemas.microsoft.com/office/spreadsheetml/2010/11/ac" url="J:\s1\_文書管理システム\40市民\50防災・国民保護\25計画\指定避難所・指定緊急避難場所(３０年)\R5\指定・取消し\5060319オープンデータ\"/>
    </mc:Choice>
  </mc:AlternateContent>
  <bookViews>
    <workbookView xWindow="-23145" yWindow="-255" windowWidth="23250" windowHeight="12450" tabRatio="500" activeTab="1"/>
  </bookViews>
  <sheets>
    <sheet name="フォーマットの仕様について" sheetId="13" r:id="rId1"/>
    <sheet name="投入データ" sheetId="6" r:id="rId2"/>
  </sheets>
  <definedNames>
    <definedName name="_xlnm._FilterDatabase" localSheetId="1" hidden="1">投入データ!$P$1:$P$324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2883" uniqueCount="1327">
  <si>
    <t>名称</t>
    <rPh sb="0" eb="2">
      <t>メイショウ</t>
    </rPh>
    <phoneticPr fontId="4"/>
  </si>
  <si>
    <t>住所</t>
  </si>
  <si>
    <t>緯度</t>
  </si>
  <si>
    <t>経度</t>
  </si>
  <si>
    <t>電話番号</t>
  </si>
  <si>
    <t>想定収容人数</t>
    <rPh sb="0" eb="2">
      <t>ソウテイ</t>
    </rPh>
    <rPh sb="2" eb="4">
      <t>シュウヨウ</t>
    </rPh>
    <rPh sb="4" eb="6">
      <t>ニンズウ</t>
    </rPh>
    <phoneticPr fontId="4"/>
  </si>
  <si>
    <t>備考</t>
    <rPh sb="0" eb="2">
      <t>ビコウ</t>
    </rPh>
    <phoneticPr fontId="4"/>
  </si>
  <si>
    <t>自治体名</t>
    <rPh sb="0" eb="3">
      <t>ジチタイ</t>
    </rPh>
    <rPh sb="3" eb="4">
      <t>メイ</t>
    </rPh>
    <phoneticPr fontId="4"/>
  </si>
  <si>
    <t>避難所</t>
    <rPh sb="0" eb="3">
      <t>ヒナンジョ</t>
    </rPh>
    <phoneticPr fontId="4"/>
  </si>
  <si>
    <t>洪水</t>
    <rPh sb="0" eb="2">
      <t>コウズイ</t>
    </rPh>
    <phoneticPr fontId="4"/>
  </si>
  <si>
    <t>崖崩れ、土石流及び地滑り</t>
    <rPh sb="0" eb="2">
      <t>ガケクズ</t>
    </rPh>
    <rPh sb="4" eb="7">
      <t>ドセキリュウ</t>
    </rPh>
    <rPh sb="7" eb="8">
      <t>オヨ</t>
    </rPh>
    <rPh sb="9" eb="11">
      <t>ジスベ</t>
    </rPh>
    <phoneticPr fontId="4"/>
  </si>
  <si>
    <t>高潮</t>
    <rPh sb="0" eb="2">
      <t>タカシオ</t>
    </rPh>
    <phoneticPr fontId="4"/>
  </si>
  <si>
    <t>火事</t>
    <rPh sb="0" eb="2">
      <t>カジ</t>
    </rPh>
    <phoneticPr fontId="4"/>
  </si>
  <si>
    <t>内水氾濫</t>
    <rPh sb="0" eb="1">
      <t>ナイ</t>
    </rPh>
    <rPh sb="1" eb="2">
      <t>スイ</t>
    </rPh>
    <rPh sb="2" eb="4">
      <t>ハンラン</t>
    </rPh>
    <phoneticPr fontId="4"/>
  </si>
  <si>
    <t>火山</t>
    <rPh sb="0" eb="2">
      <t>カザン</t>
    </rPh>
    <phoneticPr fontId="4"/>
  </si>
  <si>
    <t>避難場所</t>
    <rPh sb="0" eb="2">
      <t>ヒナン</t>
    </rPh>
    <rPh sb="2" eb="4">
      <t>バショ</t>
    </rPh>
    <phoneticPr fontId="4"/>
  </si>
  <si>
    <t>16201</t>
  </si>
  <si>
    <t>富山市</t>
  </si>
  <si>
    <t>コード</t>
    <phoneticPr fontId="4"/>
  </si>
  <si>
    <t>地震</t>
    <phoneticPr fontId="4"/>
  </si>
  <si>
    <t>津波</t>
    <phoneticPr fontId="4"/>
  </si>
  <si>
    <t>ID (v2.0)</t>
    <phoneticPr fontId="2"/>
  </si>
  <si>
    <t>1620101001</t>
  </si>
  <si>
    <t>旧総曲輪小学校(体育館)</t>
  </si>
  <si>
    <t>true</t>
  </si>
  <si>
    <t>1620101003</t>
  </si>
  <si>
    <t>雄峰高校</t>
  </si>
  <si>
    <t>076-441-4951</t>
  </si>
  <si>
    <t>1620101004</t>
  </si>
  <si>
    <t>柳町小学校</t>
  </si>
  <si>
    <t>076-441-2071</t>
  </si>
  <si>
    <t>1620101005</t>
  </si>
  <si>
    <t>旧清水町小学校(体育館)</t>
  </si>
  <si>
    <t>1620101006</t>
  </si>
  <si>
    <t>旧星井町小学校(体育館)</t>
  </si>
  <si>
    <t>1620101007</t>
  </si>
  <si>
    <t>中央小学校</t>
  </si>
  <si>
    <t>076-421-6490</t>
  </si>
  <si>
    <t>1620101008</t>
  </si>
  <si>
    <t>西田地方小学校</t>
  </si>
  <si>
    <t>076-423-8538</t>
  </si>
  <si>
    <t>1620101009</t>
  </si>
  <si>
    <t>堀川小学校</t>
  </si>
  <si>
    <t>076-424-1911</t>
  </si>
  <si>
    <t>1620101010</t>
  </si>
  <si>
    <t>堀川南小学校</t>
  </si>
  <si>
    <t>076-423-1124</t>
  </si>
  <si>
    <t>1620101011</t>
  </si>
  <si>
    <t>光陽小学校</t>
  </si>
  <si>
    <t>076-425-2277</t>
  </si>
  <si>
    <t>1620101012</t>
  </si>
  <si>
    <t>東部小学校</t>
  </si>
  <si>
    <t>076-421-3445</t>
  </si>
  <si>
    <t>1620101013</t>
  </si>
  <si>
    <t>奥田小学校</t>
  </si>
  <si>
    <t>076-441-3746</t>
  </si>
  <si>
    <t>1620101014</t>
  </si>
  <si>
    <t>奥田北小学校</t>
  </si>
  <si>
    <t>076-432-1415</t>
  </si>
  <si>
    <t>1620101015</t>
  </si>
  <si>
    <t>桜谷小学校</t>
  </si>
  <si>
    <t>076-432-4235</t>
  </si>
  <si>
    <t>1620101016</t>
  </si>
  <si>
    <t>五福小学校</t>
  </si>
  <si>
    <t>076-432-4786</t>
  </si>
  <si>
    <t>1620101017</t>
  </si>
  <si>
    <t>神明小学校</t>
  </si>
  <si>
    <t>076-421-7061</t>
  </si>
  <si>
    <t>1620101018</t>
  </si>
  <si>
    <t>岩瀬小学校</t>
  </si>
  <si>
    <t>富山県富山市岩瀬御蔵町1</t>
  </si>
  <si>
    <t>076-437-9871</t>
  </si>
  <si>
    <t>1620101019</t>
  </si>
  <si>
    <t>萩浦小学校</t>
  </si>
  <si>
    <t>富山県富山市高畠町2-11-28</t>
  </si>
  <si>
    <t>076-437-9619</t>
  </si>
  <si>
    <t>1620101020</t>
  </si>
  <si>
    <t>大広田小学校</t>
  </si>
  <si>
    <t>富山県富山市田畑183</t>
  </si>
  <si>
    <t>076-438-5115</t>
  </si>
  <si>
    <t>1620101021</t>
  </si>
  <si>
    <t>浜黒崎小学校</t>
  </si>
  <si>
    <t>富山県富山市浜黒崎3301-2</t>
  </si>
  <si>
    <t>076-437-9374</t>
  </si>
  <si>
    <t>1620101022</t>
  </si>
  <si>
    <t>針原小学校</t>
  </si>
  <si>
    <t>富山県富山市針原中町523-1</t>
  </si>
  <si>
    <t>076-451-2556</t>
  </si>
  <si>
    <t>1620101023</t>
  </si>
  <si>
    <t>芝園中学校</t>
  </si>
  <si>
    <t>富山県富山市芝園町3-1-26</t>
  </si>
  <si>
    <t>076-441-4638</t>
  </si>
  <si>
    <t>1620101024</t>
  </si>
  <si>
    <t>豊田小学校</t>
  </si>
  <si>
    <t>富山県富山市米田2-1</t>
  </si>
  <si>
    <t>076-438-5131</t>
  </si>
  <si>
    <t>1620101025</t>
  </si>
  <si>
    <t>広田小学校</t>
  </si>
  <si>
    <t>富山県富山市鍋田22-53</t>
  </si>
  <si>
    <t>076-451-6280</t>
  </si>
  <si>
    <t>1620101026</t>
  </si>
  <si>
    <t>新庄小学校</t>
  </si>
  <si>
    <t>富山県富山市新庄町1-6-30</t>
  </si>
  <si>
    <t>076-432-2773</t>
  </si>
  <si>
    <t>1620101027</t>
  </si>
  <si>
    <t>新庄北小学校</t>
  </si>
  <si>
    <t>富山県富山市新庄本町2-4-11</t>
  </si>
  <si>
    <t>076-452-0180</t>
  </si>
  <si>
    <t>1620101028</t>
  </si>
  <si>
    <t>藤ノ木小学校</t>
  </si>
  <si>
    <t>富山県富山市藤木1246</t>
  </si>
  <si>
    <t>076-421-8261</t>
  </si>
  <si>
    <t>1620101029</t>
  </si>
  <si>
    <t>山室小学校</t>
  </si>
  <si>
    <t>富山県富山市中市2-10-5</t>
  </si>
  <si>
    <t>076-421-2802</t>
  </si>
  <si>
    <t>1620101030</t>
  </si>
  <si>
    <t>山室中部小学校</t>
  </si>
  <si>
    <t>富山県富山市山室荒屋162-2</t>
  </si>
  <si>
    <t>076-423-1135</t>
  </si>
  <si>
    <t>1620101031</t>
  </si>
  <si>
    <t>太田小学校</t>
  </si>
  <si>
    <t>富山県富山市太田14-2</t>
  </si>
  <si>
    <t>076-421-6619</t>
  </si>
  <si>
    <t>1620101032</t>
  </si>
  <si>
    <t>蜷川小学校</t>
  </si>
  <si>
    <t>富山県富山市赤田75-1</t>
  </si>
  <si>
    <t>076-423-0179</t>
  </si>
  <si>
    <t>1620101033</t>
  </si>
  <si>
    <t>新保小学校</t>
  </si>
  <si>
    <t>富山県富山市任海888-2</t>
  </si>
  <si>
    <t>076-429-1786</t>
  </si>
  <si>
    <t>1620101034</t>
  </si>
  <si>
    <t>熊野小学校</t>
  </si>
  <si>
    <t>富山県富山市宮保602</t>
  </si>
  <si>
    <t>076-429-1780</t>
  </si>
  <si>
    <t>1620101035</t>
  </si>
  <si>
    <t>月岡小学校</t>
  </si>
  <si>
    <t>富山県富山市上千俵町500</t>
  </si>
  <si>
    <t>076-429-0204</t>
  </si>
  <si>
    <t>1620101036</t>
  </si>
  <si>
    <t>四方小学校</t>
  </si>
  <si>
    <t>富山県富山市四方405</t>
  </si>
  <si>
    <t>076-435-0019</t>
  </si>
  <si>
    <t>1620101037</t>
  </si>
  <si>
    <t>八幡小学校</t>
  </si>
  <si>
    <t>富山県富山市八幡670</t>
  </si>
  <si>
    <t>076-435-0144</t>
  </si>
  <si>
    <t>1620101038</t>
  </si>
  <si>
    <t>草島小学校</t>
  </si>
  <si>
    <t>富山県富山市草島93</t>
  </si>
  <si>
    <t>076-435-0159</t>
  </si>
  <si>
    <t>1620101039</t>
  </si>
  <si>
    <t>倉垣小学校</t>
  </si>
  <si>
    <t>富山県富山市布目4002</t>
  </si>
  <si>
    <t>076-435-0368</t>
  </si>
  <si>
    <t>1620101040</t>
  </si>
  <si>
    <t>呉羽小学校</t>
  </si>
  <si>
    <t>富山県富山市呉羽町6171</t>
  </si>
  <si>
    <t>076-434-3100</t>
  </si>
  <si>
    <t>1620101041</t>
  </si>
  <si>
    <t>長岡小学校</t>
  </si>
  <si>
    <t>富山県富山市長岡9420</t>
  </si>
  <si>
    <t>076-432-2594</t>
  </si>
  <si>
    <t>1620101042</t>
  </si>
  <si>
    <t>寒江小学校</t>
  </si>
  <si>
    <t>富山県富山市本郷中部427</t>
  </si>
  <si>
    <t>076-436-5594</t>
  </si>
  <si>
    <t>1620101043</t>
  </si>
  <si>
    <t>古沢小学校</t>
  </si>
  <si>
    <t>富山県富山市古沢501</t>
  </si>
  <si>
    <t>076-434-1379</t>
  </si>
  <si>
    <t>1620101044</t>
  </si>
  <si>
    <t>老田小学校</t>
  </si>
  <si>
    <t>富山県富山市中老田317</t>
  </si>
  <si>
    <t>076-436-5208</t>
  </si>
  <si>
    <t>1620101045</t>
  </si>
  <si>
    <t>池多小学校</t>
  </si>
  <si>
    <t>富山県富山市西押川1442</t>
  </si>
  <si>
    <t>076-436-5700</t>
  </si>
  <si>
    <t>1620101046</t>
  </si>
  <si>
    <t>水橋中部小学校</t>
  </si>
  <si>
    <t>富山県富山市水橋町568</t>
  </si>
  <si>
    <t>076-478-0103</t>
  </si>
  <si>
    <t>1620101047</t>
  </si>
  <si>
    <t>水橋西部小学校</t>
  </si>
  <si>
    <t>富山県富山市水橋辻ヶ堂1919-2</t>
  </si>
  <si>
    <t>076-478-0067</t>
  </si>
  <si>
    <t>1620101048</t>
  </si>
  <si>
    <t>水橋東部小学校</t>
  </si>
  <si>
    <t>富山県富山市水橋上桜木114</t>
  </si>
  <si>
    <t>076-478-0464</t>
  </si>
  <si>
    <t>1620101049</t>
  </si>
  <si>
    <t>富山県富山市水橋小路345</t>
  </si>
  <si>
    <t>076-478-2245</t>
  </si>
  <si>
    <t>1620101050</t>
  </si>
  <si>
    <t>富山県富山市水橋石割99</t>
  </si>
  <si>
    <t>076-478-0316</t>
  </si>
  <si>
    <t>1620101051</t>
  </si>
  <si>
    <t>南部中学校</t>
  </si>
  <si>
    <t>富山県富山市西田地方町2-10-10</t>
  </si>
  <si>
    <t>076-424-3617</t>
  </si>
  <si>
    <t>1620101052</t>
  </si>
  <si>
    <t>大泉中学校</t>
  </si>
  <si>
    <t>富山県富山市大泉東町2-11-26</t>
  </si>
  <si>
    <t>076-425-4433</t>
  </si>
  <si>
    <t>1620101053</t>
  </si>
  <si>
    <t>堀川中学校</t>
  </si>
  <si>
    <t>富山県富山市堀川小泉町1-21-15</t>
  </si>
  <si>
    <t>076-424-3646</t>
  </si>
  <si>
    <t>1620101054</t>
  </si>
  <si>
    <t>東部中学校</t>
  </si>
  <si>
    <t>富山県富山市長江新町4-4-60</t>
  </si>
  <si>
    <t>076-421-5395</t>
  </si>
  <si>
    <t>1620101055</t>
  </si>
  <si>
    <t>奥田中学校</t>
  </si>
  <si>
    <t>富山県富山市奥井町25-10</t>
  </si>
  <si>
    <t>076-441-3628</t>
  </si>
  <si>
    <t>1620101056</t>
  </si>
  <si>
    <t>西部中学校</t>
  </si>
  <si>
    <t>富山県富山市五福130</t>
  </si>
  <si>
    <t>076-432-4787</t>
  </si>
  <si>
    <t>1620101057</t>
  </si>
  <si>
    <t>芝園小学校</t>
  </si>
  <si>
    <t>076-432-7700</t>
  </si>
  <si>
    <t>1620101058</t>
  </si>
  <si>
    <t>岩瀬中学校</t>
  </si>
  <si>
    <t>富山県富山市蓮町4-3-10</t>
  </si>
  <si>
    <t>076-438-3311</t>
  </si>
  <si>
    <t>1620101059</t>
  </si>
  <si>
    <t>北部中学校</t>
  </si>
  <si>
    <t>富山県富山市東富山寿町2-4-52</t>
  </si>
  <si>
    <t>076-438-5161</t>
  </si>
  <si>
    <t>1620101060</t>
  </si>
  <si>
    <t>新庄中学校</t>
  </si>
  <si>
    <t>富山県富山市荒川5-4-18</t>
  </si>
  <si>
    <t>076-421-5775</t>
  </si>
  <si>
    <t>1620101061</t>
  </si>
  <si>
    <t>藤ノ木中学校</t>
  </si>
  <si>
    <t>富山県富山市日俣222</t>
  </si>
  <si>
    <t>076-493-1570</t>
  </si>
  <si>
    <t>1620101062</t>
  </si>
  <si>
    <t>山室中学校</t>
  </si>
  <si>
    <t>富山県富山市山室30-1</t>
  </si>
  <si>
    <t>076-421-5372</t>
  </si>
  <si>
    <t>1620101063</t>
  </si>
  <si>
    <t>興南中学校</t>
  </si>
  <si>
    <t>富山県富山市下熊野728</t>
  </si>
  <si>
    <t>076-429-0174</t>
  </si>
  <si>
    <t>1620101064</t>
  </si>
  <si>
    <t>月岡中学校</t>
  </si>
  <si>
    <t>富山県富山市中布目156</t>
  </si>
  <si>
    <t>076-429-0208</t>
  </si>
  <si>
    <t>1620101065</t>
  </si>
  <si>
    <t>和合中学校</t>
  </si>
  <si>
    <t>富山県富山市布目3967</t>
  </si>
  <si>
    <t>076-435-1156</t>
  </si>
  <si>
    <t>1620101066</t>
  </si>
  <si>
    <t>呉羽中学校</t>
  </si>
  <si>
    <t>富山県富山市呉羽町6662</t>
  </si>
  <si>
    <t>076-434-3200</t>
  </si>
  <si>
    <t>1620101067</t>
  </si>
  <si>
    <t>水橋中学校</t>
  </si>
  <si>
    <t>富山県富山市水橋舘町443</t>
  </si>
  <si>
    <t>076-478-0029</t>
  </si>
  <si>
    <t>1620101068</t>
  </si>
  <si>
    <t>三成中学校</t>
  </si>
  <si>
    <t>富山県富山市水橋石割70</t>
  </si>
  <si>
    <t>076-478-0314</t>
  </si>
  <si>
    <t>1620101069</t>
  </si>
  <si>
    <t>富山中部高校</t>
  </si>
  <si>
    <t>076-441-3541</t>
  </si>
  <si>
    <t>1620101070</t>
  </si>
  <si>
    <t>富山高校</t>
  </si>
  <si>
    <t>富山県富山市太郎丸1</t>
  </si>
  <si>
    <t>076-421-2925</t>
  </si>
  <si>
    <t>1620101071</t>
  </si>
  <si>
    <t>富山いずみ高校</t>
  </si>
  <si>
    <t>富山県富山市堀川小泉町1-21-1</t>
  </si>
  <si>
    <t>076-424-4274</t>
  </si>
  <si>
    <t>1620101072</t>
  </si>
  <si>
    <t>富山高等専門学校</t>
  </si>
  <si>
    <t>富山県富山市本郷町13</t>
  </si>
  <si>
    <t>076-493-5402</t>
  </si>
  <si>
    <t>1620101073</t>
  </si>
  <si>
    <t>不二越工業高校</t>
  </si>
  <si>
    <t>富山県富山市東石金町7-5</t>
  </si>
  <si>
    <t>076-425-8304</t>
  </si>
  <si>
    <t>1620101074</t>
  </si>
  <si>
    <t>龍谷富山高校</t>
  </si>
  <si>
    <t>富山県富山市赤江町2-10</t>
  </si>
  <si>
    <t>076-441-3141</t>
  </si>
  <si>
    <t>1620101075</t>
  </si>
  <si>
    <t>富山大学附属小・中学校</t>
  </si>
  <si>
    <t>富山県富山市五艘1300</t>
  </si>
  <si>
    <t>076-445-2806</t>
  </si>
  <si>
    <t>1620101076</t>
  </si>
  <si>
    <t>富山工業高校</t>
  </si>
  <si>
    <t>富山県富山市五福2238</t>
  </si>
  <si>
    <t>076-441-1971</t>
  </si>
  <si>
    <t>1620101077</t>
  </si>
  <si>
    <t>富山大学五福キャンパス</t>
  </si>
  <si>
    <t>富山県富山市五福3190</t>
  </si>
  <si>
    <t>076-445-6011</t>
  </si>
  <si>
    <t>1620101078</t>
  </si>
  <si>
    <t>富山大学杉谷キャンパス</t>
  </si>
  <si>
    <t>富山県富山市杉谷2630</t>
  </si>
  <si>
    <t>076-434-2281</t>
  </si>
  <si>
    <t>1620101079</t>
  </si>
  <si>
    <t>富山商業高校</t>
  </si>
  <si>
    <t>富山県富山市庄高田413</t>
  </si>
  <si>
    <t>076-441-3438</t>
  </si>
  <si>
    <t>1620101080</t>
  </si>
  <si>
    <t>富山北部高校</t>
  </si>
  <si>
    <t>富山県富山市蓮町4-3-20</t>
  </si>
  <si>
    <t>076-437-7188</t>
  </si>
  <si>
    <t>1620101081</t>
  </si>
  <si>
    <t>高朋高校</t>
  </si>
  <si>
    <t>富山県富山市東富山寿町1-1-39</t>
  </si>
  <si>
    <t>076-437-9940</t>
  </si>
  <si>
    <t>1620101082</t>
  </si>
  <si>
    <t>富山県富山市針日225</t>
  </si>
  <si>
    <t>076-437-9853</t>
  </si>
  <si>
    <t>1620101083</t>
  </si>
  <si>
    <t>富山東高校</t>
  </si>
  <si>
    <t>富山県富山市下飯野荒田6-1</t>
  </si>
  <si>
    <t>076-437-9018</t>
  </si>
  <si>
    <t>1620101084</t>
  </si>
  <si>
    <t>富山県技術専門学院</t>
  </si>
  <si>
    <t>富山県富山市向新庄町1-14-48</t>
  </si>
  <si>
    <t>076-451-8802</t>
  </si>
  <si>
    <t>1620101085</t>
  </si>
  <si>
    <t>富山第一高校</t>
  </si>
  <si>
    <t>富山県富山市向新庄町5-1-54</t>
  </si>
  <si>
    <t>076-451-3396</t>
  </si>
  <si>
    <t>1620101086</t>
  </si>
  <si>
    <t>富山視覚総合支援学校</t>
  </si>
  <si>
    <t>富山県富山市大江干144</t>
  </si>
  <si>
    <t>076-423-8417</t>
  </si>
  <si>
    <t>1620101087</t>
  </si>
  <si>
    <t>富山南高校</t>
  </si>
  <si>
    <t>富山県富山市布市98</t>
  </si>
  <si>
    <t>076-429-1822</t>
  </si>
  <si>
    <t>1620101088</t>
  </si>
  <si>
    <t>呉羽高校</t>
  </si>
  <si>
    <t>富山県富山市呉羽町2070-5</t>
  </si>
  <si>
    <t>076-436-1056</t>
  </si>
  <si>
    <t>1620101089</t>
  </si>
  <si>
    <t>富山短期大学</t>
  </si>
  <si>
    <t>富山県富山市願海寺444</t>
  </si>
  <si>
    <t>076-436-5146</t>
  </si>
  <si>
    <t>1620101091</t>
  </si>
  <si>
    <t>富山総合支援学校</t>
  </si>
  <si>
    <t>富山県富山市金屋4982</t>
  </si>
  <si>
    <t>076-441-8261</t>
  </si>
  <si>
    <t>1620101092</t>
  </si>
  <si>
    <t>旧安野屋小学校体育館</t>
  </si>
  <si>
    <t>富山県富山市安野屋町1-1-42</t>
  </si>
  <si>
    <t>1620101093</t>
  </si>
  <si>
    <t>総合体育館</t>
  </si>
  <si>
    <t>富山県富山市湊入船町12-1</t>
  </si>
  <si>
    <t>076-444-6688</t>
  </si>
  <si>
    <t>1620101094</t>
  </si>
  <si>
    <t>東富山体育館</t>
  </si>
  <si>
    <t>富山県富山市米田16-2</t>
  </si>
  <si>
    <t>076-438-7500</t>
  </si>
  <si>
    <t>1620101095</t>
  </si>
  <si>
    <t>2000年体育館</t>
  </si>
  <si>
    <t>076-420-2000</t>
  </si>
  <si>
    <t>1620101096</t>
  </si>
  <si>
    <t>富山県富山市下飯野30-1</t>
  </si>
  <si>
    <t>076-451-0900</t>
  </si>
  <si>
    <t>1620101097</t>
  </si>
  <si>
    <t>勤労身体障害者体育センター</t>
  </si>
  <si>
    <t>富山県富山市水橋畠等298-2</t>
  </si>
  <si>
    <t>076-478-4951</t>
  </si>
  <si>
    <t>1620101098</t>
  </si>
  <si>
    <t>営農サポートセンター</t>
  </si>
  <si>
    <t>富山県富山市月岡町3-101</t>
  </si>
  <si>
    <t>076-429-4504</t>
  </si>
  <si>
    <t>1620101099</t>
  </si>
  <si>
    <t>076-434-4100</t>
  </si>
  <si>
    <t>1620101100</t>
  </si>
  <si>
    <t>富山県富山市布尻991</t>
  </si>
  <si>
    <t>076-485-2002</t>
  </si>
  <si>
    <t>1620101101</t>
  </si>
  <si>
    <t>旧小羽小学校(体育館)</t>
  </si>
  <si>
    <t>富山県富山市小羽279</t>
  </si>
  <si>
    <t>1620101102</t>
  </si>
  <si>
    <t>船峅小学校</t>
  </si>
  <si>
    <t>富山県富山市坂本1733</t>
  </si>
  <si>
    <t>076-468-2652</t>
  </si>
  <si>
    <t>1620101103</t>
  </si>
  <si>
    <t>大沢野小学校</t>
  </si>
  <si>
    <t>富山県富山市高内144</t>
  </si>
  <si>
    <t>076-467-2288</t>
  </si>
  <si>
    <t>1620101104</t>
  </si>
  <si>
    <t>大久保小学校</t>
  </si>
  <si>
    <t>富山県富山市下大久保2430</t>
  </si>
  <si>
    <t>076-468-2653</t>
  </si>
  <si>
    <t>1620101105</t>
  </si>
  <si>
    <t>大沢野中学校</t>
  </si>
  <si>
    <t>富山県富山市八木山550</t>
  </si>
  <si>
    <t>076-468-2600</t>
  </si>
  <si>
    <t>1620101106</t>
  </si>
  <si>
    <t>富山高等支援学校</t>
  </si>
  <si>
    <t>富山県富山市坂本2600</t>
  </si>
  <si>
    <t>076-467-5560</t>
  </si>
  <si>
    <t>1620101107</t>
  </si>
  <si>
    <t>富山県富山市舟渡66</t>
  </si>
  <si>
    <t>076-484-1202</t>
  </si>
  <si>
    <t>1620101108</t>
  </si>
  <si>
    <t>下タ南部体育館</t>
  </si>
  <si>
    <t>1620101110</t>
  </si>
  <si>
    <t>富山県富山市小羽361</t>
  </si>
  <si>
    <t>076-468-0668</t>
  </si>
  <si>
    <t>1620101111</t>
  </si>
  <si>
    <t>富山県富山市坂本482</t>
  </si>
  <si>
    <t>076-468-1519</t>
  </si>
  <si>
    <t>1620101112</t>
  </si>
  <si>
    <t>猿倉コミュニティセンター</t>
  </si>
  <si>
    <t>富山県富山市舟新81-1</t>
  </si>
  <si>
    <t>076-467-0467</t>
  </si>
  <si>
    <t>1620101113</t>
  </si>
  <si>
    <t>笹津会館</t>
  </si>
  <si>
    <t>富山県富山市笹津495</t>
  </si>
  <si>
    <t>076-467-0153</t>
  </si>
  <si>
    <t>1620101116</t>
  </si>
  <si>
    <t>富山県富山市上大久保187</t>
  </si>
  <si>
    <t>076-467-0437</t>
  </si>
  <si>
    <t>富山県富山市春日96-1</t>
  </si>
  <si>
    <t>076-468-3333</t>
  </si>
  <si>
    <t>1620101118</t>
  </si>
  <si>
    <t>大久保ふれあいセンター</t>
  </si>
  <si>
    <t>富山県富山市下大久保1776-1</t>
  </si>
  <si>
    <t>076-467-0001</t>
  </si>
  <si>
    <t>1620101119</t>
  </si>
  <si>
    <t>上滝小学校</t>
  </si>
  <si>
    <t>富山県富山市上滝517</t>
  </si>
  <si>
    <t>076-483-1726</t>
  </si>
  <si>
    <t>1620101120</t>
  </si>
  <si>
    <t>小見小学校</t>
  </si>
  <si>
    <t>富山県富山市小見250</t>
  </si>
  <si>
    <t>076-482-1036</t>
  </si>
  <si>
    <t>1620101121</t>
  </si>
  <si>
    <t>大庄小学校</t>
  </si>
  <si>
    <t>富山県富山市善名453</t>
  </si>
  <si>
    <t>076-483-1151</t>
  </si>
  <si>
    <t>1620101122</t>
  </si>
  <si>
    <t>福沢小学校</t>
  </si>
  <si>
    <t>富山県富山市東福沢46-4</t>
  </si>
  <si>
    <t>076-483-1857</t>
  </si>
  <si>
    <t>1620101123</t>
  </si>
  <si>
    <t>上滝中学校</t>
  </si>
  <si>
    <t>富山県富山市中滝160</t>
  </si>
  <si>
    <t>076-483-1521</t>
  </si>
  <si>
    <t>1620101124</t>
  </si>
  <si>
    <t>大山B&amp;G海洋センター体育館</t>
  </si>
  <si>
    <t>富山県富山市本宮12</t>
  </si>
  <si>
    <t>076-481-1135</t>
  </si>
  <si>
    <t>1620101125</t>
  </si>
  <si>
    <t>076-481-1548</t>
  </si>
  <si>
    <t>1620101126</t>
  </si>
  <si>
    <t>1620101127</t>
  </si>
  <si>
    <t>文珠寺公民館</t>
  </si>
  <si>
    <t>富山県富山市文珠寺1300-4</t>
  </si>
  <si>
    <t>076-483-1633</t>
  </si>
  <si>
    <t>1620101128</t>
  </si>
  <si>
    <t>大山社会体育館</t>
  </si>
  <si>
    <t>富山県富山市花崎378</t>
  </si>
  <si>
    <t>076-483-0059</t>
  </si>
  <si>
    <t>1620101129</t>
  </si>
  <si>
    <t>大山総合体育センター</t>
  </si>
  <si>
    <t>富山県富山市花崎386</t>
  </si>
  <si>
    <t>1620101130</t>
  </si>
  <si>
    <t>大山農村環境改善センター</t>
  </si>
  <si>
    <t>富山県富山市東福沢1818</t>
  </si>
  <si>
    <t>076-483-3230</t>
  </si>
  <si>
    <t>1620101131</t>
  </si>
  <si>
    <t>1620101132</t>
  </si>
  <si>
    <t>楜ヶ原集落センター</t>
  </si>
  <si>
    <t>富山県富山市楜ヶ原626-1</t>
  </si>
  <si>
    <t>1620101133</t>
  </si>
  <si>
    <t>八尾小学校</t>
  </si>
  <si>
    <t>富山県富山市八尾町下笹原5320</t>
  </si>
  <si>
    <t>076-454-3105</t>
  </si>
  <si>
    <t>1620101134</t>
  </si>
  <si>
    <t>保内小学校</t>
  </si>
  <si>
    <t>富山県富山市八尾町高善寺162</t>
  </si>
  <si>
    <t>076-454-2731</t>
  </si>
  <si>
    <t>1620101135</t>
  </si>
  <si>
    <t>杉原小学校</t>
  </si>
  <si>
    <t>富山県富山市八尾町黒田3636</t>
  </si>
  <si>
    <t>076-455-1313</t>
  </si>
  <si>
    <t>1620101136</t>
  </si>
  <si>
    <t>卯花公民館</t>
  </si>
  <si>
    <t>富山県富山市八尾町下笹原42-1</t>
  </si>
  <si>
    <t>076-455-1090</t>
  </si>
  <si>
    <t>1620101137</t>
  </si>
  <si>
    <t>富山県富山市八尾町中242</t>
  </si>
  <si>
    <t>076-455-1069</t>
  </si>
  <si>
    <t>1620101138</t>
  </si>
  <si>
    <t>黒瀬谷交流センター喜楽里館</t>
  </si>
  <si>
    <t>富山県富山市八尾町小長谷352</t>
  </si>
  <si>
    <t>076-455-3695</t>
  </si>
  <si>
    <t>1620101139</t>
  </si>
  <si>
    <t>富山県富山市八尾町水口242</t>
  </si>
  <si>
    <t>076-454-3001</t>
  </si>
  <si>
    <t>1620101140</t>
  </si>
  <si>
    <t>富山県富山市八尾町三ッ松14-1</t>
  </si>
  <si>
    <t>076-458-1101</t>
  </si>
  <si>
    <t>1620101141</t>
  </si>
  <si>
    <t>大長谷交流センター</t>
  </si>
  <si>
    <t>富山県富山市八尾町内名88</t>
  </si>
  <si>
    <t>076-458-1400</t>
  </si>
  <si>
    <t>1620101142</t>
  </si>
  <si>
    <t>八尾中学校</t>
  </si>
  <si>
    <t>076-455-2220</t>
  </si>
  <si>
    <t>1620101144</t>
  </si>
  <si>
    <t>八尾高校</t>
  </si>
  <si>
    <t>富山県富山市八尾町福島213</t>
  </si>
  <si>
    <t>076-454-2205</t>
  </si>
  <si>
    <t>1620101145</t>
  </si>
  <si>
    <t>八尾曳山展示館</t>
  </si>
  <si>
    <t>富山県富山市八尾町上新町2898-1</t>
  </si>
  <si>
    <t>076-454-5138</t>
  </si>
  <si>
    <t>1620101146</t>
  </si>
  <si>
    <t>八尾ふらっと館</t>
  </si>
  <si>
    <t>富山県富山市八尾町東町2149</t>
  </si>
  <si>
    <t>076-455-1548</t>
  </si>
  <si>
    <t>1620101147</t>
  </si>
  <si>
    <t>富山県富山市八尾町福島200</t>
  </si>
  <si>
    <t>076-454-2400</t>
  </si>
  <si>
    <t>1620101148</t>
  </si>
  <si>
    <t>保内公民館</t>
  </si>
  <si>
    <t>富山県富山市八尾町新田101</t>
  </si>
  <si>
    <t>076-454-3622</t>
  </si>
  <si>
    <t>1620101149</t>
  </si>
  <si>
    <t>杉原公民館</t>
  </si>
  <si>
    <t>富山県富山市八尾町大杉12</t>
  </si>
  <si>
    <t>076-455-2570</t>
  </si>
  <si>
    <t>1620101150</t>
  </si>
  <si>
    <t>八尾スポーツアリーナ</t>
  </si>
  <si>
    <t>富山県富山市八尾町井田101</t>
  </si>
  <si>
    <t>076-455-1222</t>
  </si>
  <si>
    <t>1620101151</t>
  </si>
  <si>
    <t>八尾コミュニティセンター</t>
  </si>
  <si>
    <t>富山県富山市八尾町井田126</t>
  </si>
  <si>
    <t>076-454-6555</t>
  </si>
  <si>
    <t>1620101152</t>
  </si>
  <si>
    <t>桐谷防雪センター</t>
  </si>
  <si>
    <t>1620101153</t>
  </si>
  <si>
    <t>八尾農村環境改善センター</t>
  </si>
  <si>
    <t>富山県富山市八尾町梅苑町1-95-1</t>
  </si>
  <si>
    <t>1620101154</t>
  </si>
  <si>
    <t>林業総合センター</t>
  </si>
  <si>
    <t>076-454-5131</t>
  </si>
  <si>
    <t>1620101155</t>
  </si>
  <si>
    <t>富山県富山市八尾町下笹原678-1</t>
  </si>
  <si>
    <t>076-454-7556</t>
  </si>
  <si>
    <t>1620101156</t>
  </si>
  <si>
    <t>黒瀬谷公民館</t>
  </si>
  <si>
    <t>富山県富山市八尾町樫尾162</t>
  </si>
  <si>
    <t>076-455-1074</t>
  </si>
  <si>
    <t>1620101157</t>
  </si>
  <si>
    <t>広畑防雪センター</t>
  </si>
  <si>
    <t>富山県富山市八尾町布谷1467-7</t>
  </si>
  <si>
    <t>1620101158</t>
  </si>
  <si>
    <t>速星小学校</t>
  </si>
  <si>
    <t>富山県富山市婦中町速星752</t>
  </si>
  <si>
    <t>076-466-2031</t>
  </si>
  <si>
    <t>1620101159</t>
  </si>
  <si>
    <t>鵜坂小学校</t>
  </si>
  <si>
    <t>富山県富山市婦中町上田島68</t>
  </si>
  <si>
    <t>076-466-2037</t>
  </si>
  <si>
    <t>1620101160</t>
  </si>
  <si>
    <t>朝日小学校</t>
  </si>
  <si>
    <t>富山県富山市婦中町下条5518</t>
  </si>
  <si>
    <t>076-469-2392</t>
  </si>
  <si>
    <t>1620101161</t>
  </si>
  <si>
    <t>宮野小学校</t>
  </si>
  <si>
    <t>富山県富山市婦中町地角399</t>
  </si>
  <si>
    <t>076-466-2306</t>
  </si>
  <si>
    <t>1620101162</t>
  </si>
  <si>
    <t>古里小学校</t>
  </si>
  <si>
    <t>富山県富山市婦中町羽根43</t>
  </si>
  <si>
    <t>076-469-2431</t>
  </si>
  <si>
    <t>1620101163</t>
  </si>
  <si>
    <t>音川小学校</t>
  </si>
  <si>
    <t>富山県富山市婦中町外輪野5959</t>
  </si>
  <si>
    <t>076-469-2506</t>
  </si>
  <si>
    <t>1620101164</t>
  </si>
  <si>
    <t>神保小学校</t>
  </si>
  <si>
    <t>富山県富山市婦中町高日附820</t>
  </si>
  <si>
    <t>076-469-2541</t>
  </si>
  <si>
    <t>1620101165</t>
  </si>
  <si>
    <t>速星中学校</t>
  </si>
  <si>
    <t>富山県富山市婦中町板倉345-1</t>
  </si>
  <si>
    <t>076-466-2125</t>
  </si>
  <si>
    <t>1620101166</t>
  </si>
  <si>
    <t>城山中学校</t>
  </si>
  <si>
    <t>富山県富山市婦中町河原町561-5</t>
  </si>
  <si>
    <t>076-469-2423</t>
  </si>
  <si>
    <t>1620101167</t>
  </si>
  <si>
    <t>富山西高校</t>
  </si>
  <si>
    <t>富山県富山市婦中町速星926</t>
  </si>
  <si>
    <t>076-466-2156</t>
  </si>
  <si>
    <t>1620101168</t>
  </si>
  <si>
    <t>しらとり支援学校</t>
  </si>
  <si>
    <t>富山県富山市婦中町下邑2877</t>
  </si>
  <si>
    <t>076-469-5531</t>
  </si>
  <si>
    <t>1620101169</t>
  </si>
  <si>
    <t>婦中中央児童館</t>
  </si>
  <si>
    <t>富山県富山市婦中町速星750-2</t>
  </si>
  <si>
    <t>076-466-3011</t>
  </si>
  <si>
    <t>1620101170</t>
  </si>
  <si>
    <t>速星公民館</t>
  </si>
  <si>
    <t>富山県富山市婦中町砂子田1-1</t>
  </si>
  <si>
    <t>076-465-6056</t>
  </si>
  <si>
    <t>1620101171</t>
  </si>
  <si>
    <t>富山県富山市婦中町笹倉433</t>
  </si>
  <si>
    <t>076-465-6088</t>
  </si>
  <si>
    <t>1620101172</t>
  </si>
  <si>
    <t>婦中ふれあい館</t>
  </si>
  <si>
    <t>076-465-3113</t>
  </si>
  <si>
    <t>1620101173</t>
  </si>
  <si>
    <t>婦中体育館</t>
  </si>
  <si>
    <t>076-465-5501</t>
  </si>
  <si>
    <t>1620101174</t>
  </si>
  <si>
    <t>鵜坂公民館</t>
  </si>
  <si>
    <t>富山県富山市婦中町上田島18-1</t>
  </si>
  <si>
    <t>076-465-2494</t>
  </si>
  <si>
    <t>1620101175</t>
  </si>
  <si>
    <t>富山県富山市婦中町下条281</t>
  </si>
  <si>
    <t>1620101176</t>
  </si>
  <si>
    <t>富山県富山市婦中町広田4178</t>
  </si>
  <si>
    <t>076-465-5119</t>
  </si>
  <si>
    <t>1620101177</t>
  </si>
  <si>
    <t>婦中熊野公民館</t>
  </si>
  <si>
    <t>富山県富山市婦中町堀657</t>
  </si>
  <si>
    <t>076-465-2495</t>
  </si>
  <si>
    <t>1620101178</t>
  </si>
  <si>
    <t>婦中武道館</t>
  </si>
  <si>
    <t>富山県富山市婦中町長沢428</t>
  </si>
  <si>
    <t>076-469-5954</t>
  </si>
  <si>
    <t>1620101179</t>
  </si>
  <si>
    <t>富山県富山市婦中町羽根6</t>
  </si>
  <si>
    <t>1620101180</t>
  </si>
  <si>
    <t>婦中体育館音川分館</t>
  </si>
  <si>
    <t>富山県富山市婦中町外輪野5230-1</t>
  </si>
  <si>
    <t>1620101181</t>
  </si>
  <si>
    <t>富山県富山市婦中町外輪野6324-1</t>
  </si>
  <si>
    <t>1620101182</t>
  </si>
  <si>
    <t>富山県富山市婦中町上吉川403-1</t>
  </si>
  <si>
    <t>076-469-2497</t>
  </si>
  <si>
    <t>1620101183</t>
  </si>
  <si>
    <t>山田小・中学校</t>
  </si>
  <si>
    <t>富山県富山市山田北山41</t>
  </si>
  <si>
    <t>1620101184</t>
  </si>
  <si>
    <t>山田総合体育センター</t>
  </si>
  <si>
    <t>富山県富山市山田中瀬2</t>
  </si>
  <si>
    <t>076-457-2557</t>
  </si>
  <si>
    <t>1620101185</t>
  </si>
  <si>
    <t>山田交流促進センター</t>
  </si>
  <si>
    <t>富山県富山市山田赤目谷145</t>
  </si>
  <si>
    <t>076-457-2770</t>
  </si>
  <si>
    <t>1620101186</t>
  </si>
  <si>
    <t>山田公民館</t>
  </si>
  <si>
    <t>富山県富山市山田湯880</t>
  </si>
  <si>
    <t>076-457-2055</t>
  </si>
  <si>
    <t>1620101187</t>
  </si>
  <si>
    <t>南部地区集会場(谷)</t>
  </si>
  <si>
    <t>富山県富山市山田谷425</t>
  </si>
  <si>
    <t>1620101188</t>
  </si>
  <si>
    <t>西部地区集会場(清水)</t>
  </si>
  <si>
    <t>富山県富山市山田清水7</t>
  </si>
  <si>
    <t>076-457-2838</t>
  </si>
  <si>
    <t>1620101189</t>
  </si>
  <si>
    <t>東部地区集会場(沢連)</t>
  </si>
  <si>
    <t>富山県富山市山田宿坊823</t>
  </si>
  <si>
    <t>1620101190</t>
  </si>
  <si>
    <t>富山県富山市猪谷851-1</t>
  </si>
  <si>
    <t>076-484-1002</t>
  </si>
  <si>
    <t>1620101191</t>
  </si>
  <si>
    <t>神通碧小学校・楡原中学校</t>
  </si>
  <si>
    <t>富山県富山市楡原405</t>
  </si>
  <si>
    <t>1620101192</t>
  </si>
  <si>
    <t>西笹津集落センター</t>
  </si>
  <si>
    <t>富山県富山市西笹津258</t>
  </si>
  <si>
    <t>1620101193</t>
  </si>
  <si>
    <t>岩稲地区公民館</t>
  </si>
  <si>
    <t>富山県富山市岩稲419</t>
  </si>
  <si>
    <t>1620101194</t>
  </si>
  <si>
    <t>富山県富山市岩稲20-1</t>
  </si>
  <si>
    <t>076-485-2104</t>
  </si>
  <si>
    <t>1620101195</t>
  </si>
  <si>
    <t>楡原公民館</t>
  </si>
  <si>
    <t>富山県富山市楡原1280-1</t>
  </si>
  <si>
    <t>1620101197</t>
  </si>
  <si>
    <t>富山県富山市楡原1128</t>
  </si>
  <si>
    <t>076-485-9008</t>
  </si>
  <si>
    <t>1620101198</t>
  </si>
  <si>
    <t>庵谷地区公民館</t>
  </si>
  <si>
    <t>富山県富山市庵谷575-1</t>
  </si>
  <si>
    <t>1620101199</t>
  </si>
  <si>
    <t>片掛地区公民館</t>
  </si>
  <si>
    <t>富山県富山市片掛1981-1</t>
  </si>
  <si>
    <t>1620101200</t>
  </si>
  <si>
    <t>猪谷関所館</t>
  </si>
  <si>
    <t>富山県富山市猪谷978-4</t>
  </si>
  <si>
    <t>076-484-1007</t>
  </si>
  <si>
    <t>1620101201</t>
  </si>
  <si>
    <t>蟹寺地区公民館</t>
  </si>
  <si>
    <t>富山県富山市蟹寺153</t>
  </si>
  <si>
    <t>076-484-1046</t>
  </si>
  <si>
    <t>1620102001</t>
  </si>
  <si>
    <t>四方地区センター</t>
  </si>
  <si>
    <t>076-435-0002</t>
  </si>
  <si>
    <t>false</t>
  </si>
  <si>
    <t>1620102002</t>
  </si>
  <si>
    <t>水橋中部地区センター</t>
  </si>
  <si>
    <t>076-478-0019</t>
  </si>
  <si>
    <t>1620102003</t>
  </si>
  <si>
    <t>四方公園</t>
  </si>
  <si>
    <t>富山県富山市四方字中坪158-1</t>
  </si>
  <si>
    <t>1620102004</t>
  </si>
  <si>
    <t>富山県富山市岩瀬文化町23-2</t>
  </si>
  <si>
    <t>076-426-0050</t>
  </si>
  <si>
    <t>1620102005</t>
  </si>
  <si>
    <t>富山北消防署</t>
  </si>
  <si>
    <t>富山県富山市高畠町1-10-30</t>
  </si>
  <si>
    <t>076-437-7141</t>
  </si>
  <si>
    <t>1620102006</t>
  </si>
  <si>
    <t>富山競輪場</t>
  </si>
  <si>
    <t>富山県富山市岩瀬池田町8-2</t>
  </si>
  <si>
    <t>076-438-3400</t>
  </si>
  <si>
    <t>1620102007</t>
  </si>
  <si>
    <t>富山県富山市岩瀬天池町1番地8</t>
  </si>
  <si>
    <t>076-438-1809</t>
  </si>
  <si>
    <t>1620102008</t>
  </si>
  <si>
    <t>浜黒崎浄化センター管理棟</t>
  </si>
  <si>
    <t>富山県富山市浜黒崎18</t>
  </si>
  <si>
    <t>076-438-5235</t>
  </si>
  <si>
    <t>1620102009</t>
  </si>
  <si>
    <t>水橋浄化センター機械棟</t>
  </si>
  <si>
    <t>富山県富山市水橋辻ヶ堂101</t>
  </si>
  <si>
    <t>076-478-2984</t>
  </si>
  <si>
    <t>1620102010</t>
  </si>
  <si>
    <t>水橋フィッシャリーナ多目的広場</t>
  </si>
  <si>
    <t>富山県富山市水橋辻ヶ堂地内</t>
  </si>
  <si>
    <t>076-482-3939</t>
  </si>
  <si>
    <t>1620102011</t>
  </si>
  <si>
    <t>水橋消防署</t>
  </si>
  <si>
    <t>富山県富山市水橋舘町420-1</t>
  </si>
  <si>
    <t>076-478-0061</t>
  </si>
  <si>
    <t>1620102012</t>
  </si>
  <si>
    <t>水橋中村市営住宅</t>
  </si>
  <si>
    <t>富山県富山市水橋中村町2-2</t>
  </si>
  <si>
    <t>1620102013</t>
  </si>
  <si>
    <t>(株)亀久組</t>
  </si>
  <si>
    <t>富山県富山市四方荒屋1281</t>
  </si>
  <si>
    <t>076-435-4121</t>
  </si>
  <si>
    <t>1620102015</t>
  </si>
  <si>
    <t>富山県富山港事務所</t>
  </si>
  <si>
    <t>富山県富山市東岩瀬町5</t>
  </si>
  <si>
    <t>076-437-7131</t>
  </si>
  <si>
    <t>1620102018</t>
  </si>
  <si>
    <t>ミューズ駐車場</t>
  </si>
  <si>
    <t>富山県富山市水橋市江47</t>
  </si>
  <si>
    <t>076-479-1700</t>
  </si>
  <si>
    <t>1620102019</t>
  </si>
  <si>
    <t>富山武道館</t>
  </si>
  <si>
    <t>富山県富山市牛島町2-10</t>
  </si>
  <si>
    <t>076-431-0170</t>
  </si>
  <si>
    <t>1620102020</t>
  </si>
  <si>
    <t>市駅北駐車場</t>
  </si>
  <si>
    <t>富山県富山市牛島町24-2</t>
  </si>
  <si>
    <t>076-431-8166</t>
  </si>
  <si>
    <t>1620102021</t>
  </si>
  <si>
    <t>オーバードホール</t>
  </si>
  <si>
    <t>富山県富山市牛島町9-28</t>
  </si>
  <si>
    <t>076-445-5620</t>
  </si>
  <si>
    <t>1620102022</t>
  </si>
  <si>
    <t>富山聴覚総合支援学校</t>
  </si>
  <si>
    <t>富山県富山市下奥井1-9-56</t>
  </si>
  <si>
    <t>076-441-9172</t>
  </si>
  <si>
    <t>1620102024</t>
  </si>
  <si>
    <t>旧八人町幼稚園</t>
  </si>
  <si>
    <t>富山県富山市八人町5-17</t>
  </si>
  <si>
    <t>076-441-6915</t>
  </si>
  <si>
    <t>1620102026</t>
  </si>
  <si>
    <t>総曲輪駐車場</t>
  </si>
  <si>
    <t>富山県富山市総曲輪2-8-3</t>
  </si>
  <si>
    <t>076-422-5733</t>
  </si>
  <si>
    <t>1620102027</t>
  </si>
  <si>
    <t>グランドパーキング</t>
  </si>
  <si>
    <t>富山県富山市総曲輪3-6-15-13</t>
  </si>
  <si>
    <t>076-495-7789</t>
  </si>
  <si>
    <t>1620102028</t>
  </si>
  <si>
    <t>桜町駐車場</t>
  </si>
  <si>
    <t>富山県富山市桜町2-1-1</t>
  </si>
  <si>
    <t>076-433-0004</t>
  </si>
  <si>
    <t>1620102029</t>
  </si>
  <si>
    <t>富山県教育会館</t>
  </si>
  <si>
    <t>富山県富山市千歳町1-2-7</t>
  </si>
  <si>
    <t>076-442-1210</t>
  </si>
  <si>
    <t>1620102030</t>
  </si>
  <si>
    <t>富山市民プラザ</t>
  </si>
  <si>
    <t>富山県富山市大手町6-14</t>
  </si>
  <si>
    <t>076-493-1313</t>
  </si>
  <si>
    <t>1620102031</t>
  </si>
  <si>
    <t>富山国際会議場</t>
  </si>
  <si>
    <t>富山県富山市大手町1-2</t>
  </si>
  <si>
    <t>076-424-5931</t>
  </si>
  <si>
    <t>1620102032</t>
  </si>
  <si>
    <t>富山県富山市新総曲輪4-18</t>
  </si>
  <si>
    <t>076-432-3111</t>
  </si>
  <si>
    <t>1620102034</t>
  </si>
  <si>
    <t>科学博物館</t>
  </si>
  <si>
    <t>富山県富山市西中野町1-8-31</t>
  </si>
  <si>
    <t>076-491-2123</t>
  </si>
  <si>
    <t>富山県富山市中央通り2-3-22</t>
  </si>
  <si>
    <t>076-420-3760</t>
  </si>
  <si>
    <t>1620102036</t>
  </si>
  <si>
    <t>星井町地区センター</t>
  </si>
  <si>
    <t>富山県富山市西中野町2-1-24</t>
  </si>
  <si>
    <t>076-492-2260</t>
  </si>
  <si>
    <t>1620102039</t>
  </si>
  <si>
    <t>清水保育所</t>
  </si>
  <si>
    <t>富山県富山市旭町10-17</t>
  </si>
  <si>
    <t>076-423-1630</t>
  </si>
  <si>
    <t>1620102041</t>
  </si>
  <si>
    <t>稲荷元町保育所</t>
  </si>
  <si>
    <t>富山県富山市稲荷元町2-13-13</t>
  </si>
  <si>
    <t>076-441-6719</t>
  </si>
  <si>
    <t>1620102042</t>
  </si>
  <si>
    <t>柳町保育所</t>
  </si>
  <si>
    <t>富山県富山市於保多町1-23</t>
  </si>
  <si>
    <t>076-432-7051</t>
  </si>
  <si>
    <t>1620102043</t>
  </si>
  <si>
    <t>東部地区センター</t>
  </si>
  <si>
    <t>富山県富山市石金1-2-13</t>
  </si>
  <si>
    <t>076-421-3204</t>
  </si>
  <si>
    <t>1620102046</t>
  </si>
  <si>
    <t>岩瀬カナル会館</t>
  </si>
  <si>
    <t>富山県富山市岩瀬天神町48</t>
  </si>
  <si>
    <t>076-438-8446</t>
  </si>
  <si>
    <t>1620102048</t>
  </si>
  <si>
    <t>萩浦地区センター</t>
  </si>
  <si>
    <t>富山県富山市高畠町2-11-36</t>
  </si>
  <si>
    <t>076-437-7923</t>
  </si>
  <si>
    <t>076-438-4880</t>
  </si>
  <si>
    <t>1620102050</t>
  </si>
  <si>
    <t>豊田地区センター</t>
  </si>
  <si>
    <t>076-437-9313</t>
  </si>
  <si>
    <t>1620102051</t>
  </si>
  <si>
    <t>076-438-5171</t>
  </si>
  <si>
    <t>1620102052</t>
  </si>
  <si>
    <t>大広田地区センター</t>
  </si>
  <si>
    <t>富山県富山市東富山寿町2-1-14</t>
  </si>
  <si>
    <t>076-437-9924</t>
  </si>
  <si>
    <t>1620102053</t>
  </si>
  <si>
    <t>海岸通老人福祉センター</t>
  </si>
  <si>
    <t>富山県富山市海岸通264-11</t>
  </si>
  <si>
    <t>076-438-5759</t>
  </si>
  <si>
    <t>1620102054</t>
  </si>
  <si>
    <t>浜黒崎浄化センター</t>
  </si>
  <si>
    <t>1620102055</t>
  </si>
  <si>
    <t>浜黒崎地区センター</t>
  </si>
  <si>
    <t>富山県富山市浜黒崎3295-12</t>
  </si>
  <si>
    <t>076-437-9371</t>
  </si>
  <si>
    <t>1620102056</t>
  </si>
  <si>
    <t>広田地区センター</t>
  </si>
  <si>
    <t>076-451-5601</t>
  </si>
  <si>
    <t>1620102057</t>
  </si>
  <si>
    <t>針原地区センター</t>
  </si>
  <si>
    <t>富山県富山市針原中町901-2</t>
  </si>
  <si>
    <t>076-451-2555</t>
  </si>
  <si>
    <t>1620102058</t>
  </si>
  <si>
    <t>運転教育センター</t>
  </si>
  <si>
    <t>076-441-2211</t>
  </si>
  <si>
    <t>1620102060</t>
  </si>
  <si>
    <t>新庄地区センター</t>
  </si>
  <si>
    <t>富山県富山市新庄町1-3-16</t>
  </si>
  <si>
    <t>076-432-2742</t>
  </si>
  <si>
    <t>1620102062</t>
  </si>
  <si>
    <t>新庄保育所</t>
  </si>
  <si>
    <t>富山県富山市新庄町3-4-20</t>
  </si>
  <si>
    <t>076-432-7290</t>
  </si>
  <si>
    <t>1620102064</t>
  </si>
  <si>
    <t>水橋浄化センター</t>
  </si>
  <si>
    <t>1620102065</t>
  </si>
  <si>
    <t>水橋東部地区センター</t>
  </si>
  <si>
    <t>富山県富山市水橋小池146-1</t>
  </si>
  <si>
    <t>076-478-3252</t>
  </si>
  <si>
    <t>1620102067</t>
  </si>
  <si>
    <t>三郷地区センター</t>
  </si>
  <si>
    <t>富山県富山市水橋小路34</t>
  </si>
  <si>
    <t>076-478-2070</t>
  </si>
  <si>
    <t>1620102068</t>
  </si>
  <si>
    <t>三郷保育所</t>
  </si>
  <si>
    <t>富山県富山市水橋小路338-1</t>
  </si>
  <si>
    <t>076-478-2207</t>
  </si>
  <si>
    <t>1620102069</t>
  </si>
  <si>
    <t>上条地区センター</t>
  </si>
  <si>
    <t>富山県富山市水橋石割73-1</t>
  </si>
  <si>
    <t>076-478-1651</t>
  </si>
  <si>
    <t>1620102070</t>
  </si>
  <si>
    <t>上条保育所</t>
  </si>
  <si>
    <t>富山県富山市水橋石割72-2</t>
  </si>
  <si>
    <t>076-478-1008</t>
  </si>
  <si>
    <t>1620102071</t>
  </si>
  <si>
    <t>和合保育所</t>
  </si>
  <si>
    <t>富山県富山市布目4173</t>
  </si>
  <si>
    <t>076-435-0386</t>
  </si>
  <si>
    <t>1620102072</t>
  </si>
  <si>
    <t>八幡地区センター</t>
  </si>
  <si>
    <t>富山県富山市八町東262</t>
  </si>
  <si>
    <t>076-435-0004</t>
  </si>
  <si>
    <t>1620102075</t>
  </si>
  <si>
    <t>桜谷地区センター</t>
  </si>
  <si>
    <t>富山県富山市田刈屋279</t>
  </si>
  <si>
    <t>076-432-5607</t>
  </si>
  <si>
    <t>1620102077</t>
  </si>
  <si>
    <t>五福地区センター</t>
  </si>
  <si>
    <t>富山県富山市五福4431-1</t>
  </si>
  <si>
    <t>076-432-6363</t>
  </si>
  <si>
    <t>1620102078</t>
  </si>
  <si>
    <t>藤ノ木地区センター</t>
  </si>
  <si>
    <t>076-421-2444</t>
  </si>
  <si>
    <t>1620102080</t>
  </si>
  <si>
    <t>山室地区センター</t>
  </si>
  <si>
    <t>富山県富山市中市2-8-76</t>
  </si>
  <si>
    <t>076-421-2801</t>
  </si>
  <si>
    <t>1620102081</t>
  </si>
  <si>
    <t>山室児童館</t>
  </si>
  <si>
    <t>富山県富山市高屋敷573-5</t>
  </si>
  <si>
    <t>076-492-1377</t>
  </si>
  <si>
    <t>1620102082</t>
  </si>
  <si>
    <t>富山県富山市山室5-3</t>
  </si>
  <si>
    <t>076-421-3362</t>
  </si>
  <si>
    <t>1620102083</t>
  </si>
  <si>
    <t>山室中部地区センター</t>
  </si>
  <si>
    <t>富山県富山市山室荒屋84</t>
  </si>
  <si>
    <t>076-492-3405</t>
  </si>
  <si>
    <t>1620102085</t>
  </si>
  <si>
    <t>堀川地区センター</t>
  </si>
  <si>
    <t>富山県富山市堀川小泉町1-18-13</t>
  </si>
  <si>
    <t>076-425-1530</t>
  </si>
  <si>
    <t>1620102086</t>
  </si>
  <si>
    <t>076-421-9456</t>
  </si>
  <si>
    <t>1620102088</t>
  </si>
  <si>
    <t>南老人福祉センター</t>
  </si>
  <si>
    <t>富山県富山市今泉88-1</t>
  </si>
  <si>
    <t>076-425-1715</t>
  </si>
  <si>
    <t>1620102089</t>
  </si>
  <si>
    <t>堀川南地区センター</t>
  </si>
  <si>
    <t>富山県富山市本郷町243-45</t>
  </si>
  <si>
    <t>076-492-3450</t>
  </si>
  <si>
    <t>1620102090</t>
  </si>
  <si>
    <t>障害者福祉プラザ</t>
  </si>
  <si>
    <t>富山県富山市蜷川15</t>
  </si>
  <si>
    <t>076-428-0113</t>
  </si>
  <si>
    <t>1620102091</t>
  </si>
  <si>
    <t>富山市保健所</t>
  </si>
  <si>
    <t>富山県富山市蜷川459-1</t>
  </si>
  <si>
    <t>076-428-1155</t>
  </si>
  <si>
    <t>1620102092</t>
  </si>
  <si>
    <t>蜷川地区センター</t>
  </si>
  <si>
    <t>富山県富山市赤田50</t>
  </si>
  <si>
    <t>076-421-2971</t>
  </si>
  <si>
    <t>1620102095</t>
  </si>
  <si>
    <t>新保地区センター</t>
  </si>
  <si>
    <t>富山県富山市新保306-1</t>
  </si>
  <si>
    <t>076-429-0001</t>
  </si>
  <si>
    <t>1620102096</t>
  </si>
  <si>
    <t>富山県総合体育センター</t>
  </si>
  <si>
    <t>富山県富山市秋ヶ島183</t>
  </si>
  <si>
    <t>076-429-5455</t>
  </si>
  <si>
    <t>富山県富山市友杉1097</t>
  </si>
  <si>
    <t>1620102098</t>
  </si>
  <si>
    <t>体育文化センター</t>
  </si>
  <si>
    <t>076-429-5695</t>
  </si>
  <si>
    <t>1620102099</t>
  </si>
  <si>
    <t>富山県国際健康プラザ</t>
  </si>
  <si>
    <t>富山県富山市友杉151</t>
  </si>
  <si>
    <t>076-428-0809</t>
  </si>
  <si>
    <t>1620102103</t>
  </si>
  <si>
    <t>慈光園</t>
  </si>
  <si>
    <t>富山県富山市西番104-1</t>
  </si>
  <si>
    <t>076-492-9911</t>
  </si>
  <si>
    <t>1620102104</t>
  </si>
  <si>
    <t>愛育園</t>
  </si>
  <si>
    <t>076-492-9912</t>
  </si>
  <si>
    <t>1620102105</t>
  </si>
  <si>
    <t>月岡地区センター</t>
  </si>
  <si>
    <t>富山県富山市上千俵町509</t>
  </si>
  <si>
    <t>076-429-0201</t>
  </si>
  <si>
    <t>1620102106</t>
  </si>
  <si>
    <t>月岡保育所</t>
  </si>
  <si>
    <t>富山県富山市月見町4-41</t>
  </si>
  <si>
    <t>076-429-4263</t>
  </si>
  <si>
    <t>1620102107</t>
  </si>
  <si>
    <t>月岡幼稚園</t>
  </si>
  <si>
    <t>富山県富山市上千俵町508</t>
  </si>
  <si>
    <t>076-429-4959</t>
  </si>
  <si>
    <t>1620102114</t>
  </si>
  <si>
    <t>富山県中央植物園</t>
  </si>
  <si>
    <t>富山県富山市婦中町上轡田42</t>
  </si>
  <si>
    <t>076-466-4187</t>
  </si>
  <si>
    <t>1620102118</t>
  </si>
  <si>
    <t>ねむの木ホール</t>
  </si>
  <si>
    <t>富山県富山市婦中町ねむの木2-121</t>
  </si>
  <si>
    <t>076-465-4059</t>
  </si>
  <si>
    <t>1620102119</t>
  </si>
  <si>
    <t>城址公園</t>
  </si>
  <si>
    <t>富山県富山市本丸</t>
  </si>
  <si>
    <t>1620102120</t>
  </si>
  <si>
    <t>神通川緑地</t>
  </si>
  <si>
    <t>富山県富山市布瀬町地先</t>
  </si>
  <si>
    <t>1620102121</t>
  </si>
  <si>
    <t>稲荷公園</t>
  </si>
  <si>
    <t>富山県富山市稲荷園町</t>
  </si>
  <si>
    <t>1620102122</t>
  </si>
  <si>
    <t>布瀬南公園</t>
  </si>
  <si>
    <t>富山県富山市布瀬町南三丁目</t>
  </si>
  <si>
    <t>1620102123</t>
  </si>
  <si>
    <t>富山県常願寺川公園</t>
  </si>
  <si>
    <t>富山県富山市水橋常願寺</t>
  </si>
  <si>
    <t>1620102124</t>
  </si>
  <si>
    <t>富山県空港スポーツ緑地</t>
  </si>
  <si>
    <t>富山県富山市秋ヶ島</t>
  </si>
  <si>
    <t>076-429-7129</t>
  </si>
  <si>
    <t>1620102125</t>
  </si>
  <si>
    <t>富山県総合運動公園</t>
  </si>
  <si>
    <t>富山県富山市南中田</t>
  </si>
  <si>
    <t>076-429-8835</t>
  </si>
  <si>
    <t>1620102126</t>
  </si>
  <si>
    <t>城東ふれあい公園</t>
  </si>
  <si>
    <t>富山県富山市荒川四丁目</t>
  </si>
  <si>
    <t>1620102127</t>
  </si>
  <si>
    <t>富山県五福公園</t>
  </si>
  <si>
    <t>富山県富山市五福５区</t>
  </si>
  <si>
    <t>1620102128</t>
  </si>
  <si>
    <t>富山県岩瀬スポーツ公園</t>
  </si>
  <si>
    <t>富山県富山市森五丁目</t>
  </si>
  <si>
    <t>1620102129</t>
  </si>
  <si>
    <t>富山県富岩運河環水公園</t>
  </si>
  <si>
    <t>富山県富山市湊入船町62-4</t>
  </si>
  <si>
    <t>1620102130</t>
  </si>
  <si>
    <t>大沢野総合運動公園</t>
  </si>
  <si>
    <t>富山県富山市八木山650</t>
  </si>
  <si>
    <t>076-468-1567</t>
  </si>
  <si>
    <t>1620102131</t>
  </si>
  <si>
    <t>大山総合グラウンド</t>
  </si>
  <si>
    <t>富山県富山市花崎391</t>
  </si>
  <si>
    <t>1620102132</t>
  </si>
  <si>
    <t>町民ひろば</t>
  </si>
  <si>
    <t>076-455-3828</t>
  </si>
  <si>
    <t>1620102133</t>
  </si>
  <si>
    <t>八尾スポーツアリーナ駐車場</t>
  </si>
  <si>
    <t>1620102134</t>
  </si>
  <si>
    <t>婦中スポーツプラザグラウンド</t>
  </si>
  <si>
    <t>富山県富山市婦中町板倉269-1</t>
  </si>
  <si>
    <t>076-465-3786</t>
  </si>
  <si>
    <t>1620102135</t>
  </si>
  <si>
    <t>羽根ピースフル公園</t>
  </si>
  <si>
    <t>富山県富山市婦中町羽根1000-1</t>
  </si>
  <si>
    <t>076-469-5840</t>
  </si>
  <si>
    <t>1620102137</t>
  </si>
  <si>
    <t>富山県富山市四方142-1</t>
  </si>
  <si>
    <t>富山県富山市水橋舘町312-1</t>
  </si>
  <si>
    <t>076-445-4511</t>
  </si>
  <si>
    <t>076-422-2211</t>
  </si>
  <si>
    <t>富山県富山市豊田本町1-2-5</t>
  </si>
  <si>
    <t>富山県富山市豊田本町1-2-3</t>
  </si>
  <si>
    <t>富山市舞台芸術パーク</t>
  </si>
  <si>
    <t>富山県富山市呉羽町2247-3</t>
  </si>
  <si>
    <t>富山県富山市八尾町福島字牧野123</t>
  </si>
  <si>
    <t>富山県富山市総曲輪4-4-7</t>
  </si>
  <si>
    <t>富山県富山市神通町2-12-10</t>
  </si>
  <si>
    <t>富山県富山市柳町4-2-26</t>
  </si>
  <si>
    <t>富山県富山市清水町8-1-1</t>
  </si>
  <si>
    <t>富山県富山市星井町2-7-29</t>
  </si>
  <si>
    <t>富山県富山市五番町4-35</t>
  </si>
  <si>
    <t>富山県富山市西田地方町1-1-25</t>
  </si>
  <si>
    <t>富山県富山市堀川小泉町1-13-10</t>
  </si>
  <si>
    <t>富山県富山市本郷町282-3</t>
  </si>
  <si>
    <t>富山県富山市二口町1-4-1</t>
  </si>
  <si>
    <t>富山県富山市石金1-5-44</t>
  </si>
  <si>
    <t>富山県富山市奥田双葉町10-18</t>
  </si>
  <si>
    <t>富山県富山市下新北町3-72</t>
  </si>
  <si>
    <t>富山県富山市五福4431-2</t>
  </si>
  <si>
    <t>富山県富山市高田147-2</t>
  </si>
  <si>
    <t>富山市民球場</t>
  </si>
  <si>
    <t>大沢野健康福祉センター(ウインディ)</t>
  </si>
  <si>
    <t>富山県富山市岡田781</t>
  </si>
  <si>
    <t>日尾公民館（旧瀬戸集落センター）</t>
  </si>
  <si>
    <t>富山県富山市八尾町桐谷2055</t>
  </si>
  <si>
    <t>富山県漕艇場</t>
  </si>
  <si>
    <t>富山市民芸術創造センター</t>
  </si>
  <si>
    <t>490</t>
  </si>
  <si>
    <t>510</t>
  </si>
  <si>
    <t>550</t>
  </si>
  <si>
    <t>380</t>
  </si>
  <si>
    <t>560</t>
  </si>
  <si>
    <t>630</t>
  </si>
  <si>
    <t>620</t>
  </si>
  <si>
    <t>260</t>
  </si>
  <si>
    <t>70</t>
  </si>
  <si>
    <t>250</t>
  </si>
  <si>
    <t>90</t>
  </si>
  <si>
    <t>180</t>
  </si>
  <si>
    <t>2080</t>
  </si>
  <si>
    <t>マリエとやま</t>
  </si>
  <si>
    <t>富山県富山市桜町1-1-61</t>
  </si>
  <si>
    <t>富山県富山市五福末広町1238</t>
  </si>
  <si>
    <t>西能病院</t>
  </si>
  <si>
    <t>富山県富山市高田70</t>
  </si>
  <si>
    <t>岡田公民館（旧上滝公民館岡田分館）</t>
  </si>
  <si>
    <t>とやまインキュベータオフィス</t>
  </si>
  <si>
    <t>メールアドレス</t>
    <phoneticPr fontId="15"/>
  </si>
  <si>
    <t>電話番号</t>
    <rPh sb="0" eb="2">
      <t>デンワ</t>
    </rPh>
    <rPh sb="2" eb="4">
      <t>バンゴウ</t>
    </rPh>
    <phoneticPr fontId="15"/>
  </si>
  <si>
    <t>フィールド名</t>
    <rPh sb="5" eb="6">
      <t>メイ</t>
    </rPh>
    <phoneticPr fontId="17"/>
  </si>
  <si>
    <t>データ型</t>
    <rPh sb="3" eb="4">
      <t>カタ</t>
    </rPh>
    <phoneticPr fontId="15"/>
  </si>
  <si>
    <t>データ例</t>
    <rPh sb="3" eb="4">
      <t>レイ</t>
    </rPh>
    <phoneticPr fontId="15"/>
  </si>
  <si>
    <t>備考</t>
    <rPh sb="0" eb="2">
      <t>ビコウ</t>
    </rPh>
    <phoneticPr fontId="15"/>
  </si>
  <si>
    <t>ID</t>
    <phoneticPr fontId="15"/>
  </si>
  <si>
    <t>半角数字による文字列</t>
    <rPh sb="0" eb="2">
      <t>ハンカク</t>
    </rPh>
    <rPh sb="2" eb="4">
      <t>スウジ</t>
    </rPh>
    <rPh sb="7" eb="10">
      <t>モジレツ</t>
    </rPh>
    <phoneticPr fontId="15"/>
  </si>
  <si>
    <t>2710000001</t>
    <phoneticPr fontId="15"/>
  </si>
  <si>
    <t>フラグ</t>
    <phoneticPr fontId="15"/>
  </si>
  <si>
    <t>名称</t>
    <rPh sb="0" eb="2">
      <t>メイショウ</t>
    </rPh>
    <phoneticPr fontId="15"/>
  </si>
  <si>
    <t>文字列</t>
    <rPh sb="0" eb="3">
      <t>モジレツ</t>
    </rPh>
    <phoneticPr fontId="15"/>
  </si>
  <si>
    <t>大阪城公園</t>
    <rPh sb="0" eb="5">
      <t>オオサカジョウコウエン</t>
    </rPh>
    <phoneticPr fontId="15"/>
  </si>
  <si>
    <t>東京都港区六本木1-1-1</t>
    <rPh sb="0" eb="5">
      <t>トウキョウトミナトク</t>
    </rPh>
    <rPh sb="5" eb="8">
      <t>ロッポンギ</t>
    </rPh>
    <phoneticPr fontId="15"/>
  </si>
  <si>
    <t>数値</t>
    <rPh sb="0" eb="2">
      <t>スウチ</t>
    </rPh>
    <phoneticPr fontId="15"/>
  </si>
  <si>
    <t>35.111111</t>
    <phoneticPr fontId="15"/>
  </si>
  <si>
    <t>135.111111</t>
    <phoneticPr fontId="15"/>
  </si>
  <si>
    <t>03-1111-1111</t>
    <phoneticPr fontId="15"/>
  </si>
  <si>
    <t>市外局番も記載ください。「-」も省略しないでください。</t>
    <rPh sb="0" eb="2">
      <t>シガイ</t>
    </rPh>
    <rPh sb="2" eb="4">
      <t>キョクバン</t>
    </rPh>
    <rPh sb="5" eb="7">
      <t>キサイ</t>
    </rPh>
    <rPh sb="16" eb="18">
      <t>ショウリャク</t>
    </rPh>
    <phoneticPr fontId="15"/>
  </si>
  <si>
    <t>指定自治体名</t>
    <rPh sb="0" eb="2">
      <t>シテイ</t>
    </rPh>
    <rPh sb="2" eb="5">
      <t>ジチタイ</t>
    </rPh>
    <rPh sb="5" eb="6">
      <t>メイ</t>
    </rPh>
    <phoneticPr fontId="15"/>
  </si>
  <si>
    <t>指定自治体コード</t>
    <rPh sb="0" eb="2">
      <t>シテイ</t>
    </rPh>
    <rPh sb="2" eb="5">
      <t>ジチタイ</t>
    </rPh>
    <phoneticPr fontId="15"/>
  </si>
  <si>
    <t>27128,27102,27109,27115,27116,27118,27124</t>
    <phoneticPr fontId="15"/>
  </si>
  <si>
    <t>施設種別＝避難場所</t>
    <rPh sb="0" eb="2">
      <t>シセツ</t>
    </rPh>
    <rPh sb="2" eb="4">
      <t>シュベツ</t>
    </rPh>
    <rPh sb="5" eb="7">
      <t>ヒナン</t>
    </rPh>
    <rPh sb="7" eb="9">
      <t>バショ</t>
    </rPh>
    <phoneticPr fontId="15"/>
  </si>
  <si>
    <t>true</t>
    <phoneticPr fontId="15"/>
  </si>
  <si>
    <t>施設種別＝避難所</t>
    <rPh sb="0" eb="2">
      <t>シセツ</t>
    </rPh>
    <rPh sb="2" eb="4">
      <t>シュベツ</t>
    </rPh>
    <rPh sb="5" eb="8">
      <t>ヒナンジョ</t>
    </rPh>
    <phoneticPr fontId="15"/>
  </si>
  <si>
    <t>false</t>
    <phoneticPr fontId="15"/>
  </si>
  <si>
    <t>災害種別＝洪水</t>
    <rPh sb="0" eb="2">
      <t>サイガイ</t>
    </rPh>
    <rPh sb="2" eb="4">
      <t>シュベツ</t>
    </rPh>
    <rPh sb="5" eb="7">
      <t>コウズイ</t>
    </rPh>
    <phoneticPr fontId="15"/>
  </si>
  <si>
    <t>0</t>
    <phoneticPr fontId="15"/>
  </si>
  <si>
    <t>災害種別＝崖崩れ、土石流及び地滑り</t>
    <rPh sb="0" eb="2">
      <t>サイガイ</t>
    </rPh>
    <rPh sb="2" eb="4">
      <t>シュベツ</t>
    </rPh>
    <rPh sb="5" eb="6">
      <t>ガケ</t>
    </rPh>
    <rPh sb="6" eb="7">
      <t>クズ</t>
    </rPh>
    <rPh sb="9" eb="12">
      <t>ドセキリュウ</t>
    </rPh>
    <rPh sb="12" eb="13">
      <t>オヨ</t>
    </rPh>
    <rPh sb="14" eb="16">
      <t>ジスベ</t>
    </rPh>
    <phoneticPr fontId="15"/>
  </si>
  <si>
    <t>災害種別＝高潮</t>
    <rPh sb="0" eb="2">
      <t>サイガイ</t>
    </rPh>
    <rPh sb="2" eb="4">
      <t>シュベツ</t>
    </rPh>
    <rPh sb="5" eb="7">
      <t>タカシオ</t>
    </rPh>
    <phoneticPr fontId="15"/>
  </si>
  <si>
    <t>災害種別＝地震</t>
    <rPh sb="0" eb="2">
      <t>サイガイ</t>
    </rPh>
    <rPh sb="2" eb="4">
      <t>シュベツ</t>
    </rPh>
    <rPh sb="5" eb="7">
      <t>ジシン</t>
    </rPh>
    <phoneticPr fontId="15"/>
  </si>
  <si>
    <t>1</t>
    <phoneticPr fontId="15"/>
  </si>
  <si>
    <t>災害種別＝津波</t>
    <rPh sb="0" eb="2">
      <t>サイガイ</t>
    </rPh>
    <rPh sb="2" eb="4">
      <t>シュベツ</t>
    </rPh>
    <rPh sb="5" eb="7">
      <t>ツナミ</t>
    </rPh>
    <phoneticPr fontId="15"/>
  </si>
  <si>
    <t>災害種別＝大規模な火事</t>
    <rPh sb="0" eb="2">
      <t>サイガイ</t>
    </rPh>
    <rPh sb="2" eb="4">
      <t>シュベツ</t>
    </rPh>
    <rPh sb="5" eb="8">
      <t>ダイキボ</t>
    </rPh>
    <rPh sb="9" eb="11">
      <t>カジ</t>
    </rPh>
    <phoneticPr fontId="15"/>
  </si>
  <si>
    <t>災害種別＝内水氾濫</t>
    <rPh sb="0" eb="2">
      <t>サイガイ</t>
    </rPh>
    <rPh sb="2" eb="4">
      <t>シュベツ</t>
    </rPh>
    <rPh sb="5" eb="6">
      <t>ナイ</t>
    </rPh>
    <rPh sb="6" eb="7">
      <t>スイ</t>
    </rPh>
    <rPh sb="7" eb="9">
      <t>ハンラン</t>
    </rPh>
    <phoneticPr fontId="15"/>
  </si>
  <si>
    <t>災害種別＝火山現象</t>
    <rPh sb="0" eb="2">
      <t>サイガイ</t>
    </rPh>
    <rPh sb="2" eb="4">
      <t>シュベツ</t>
    </rPh>
    <rPh sb="5" eb="7">
      <t>カザン</t>
    </rPh>
    <rPh sb="7" eb="9">
      <t>ゲンショウ</t>
    </rPh>
    <phoneticPr fontId="15"/>
  </si>
  <si>
    <t>想定収容人数</t>
    <rPh sb="0" eb="2">
      <t>ソウテイ</t>
    </rPh>
    <rPh sb="2" eb="4">
      <t>シュウヨウ</t>
    </rPh>
    <rPh sb="4" eb="6">
      <t>ニンズウ</t>
    </rPh>
    <phoneticPr fontId="21"/>
  </si>
  <si>
    <t>■備考</t>
    <rPh sb="1" eb="3">
      <t>ビコウ</t>
    </rPh>
    <phoneticPr fontId="15"/>
  </si>
  <si>
    <t>※洪水時は２階以上に避難してください。</t>
  </si>
  <si>
    <t>※洪水時は３階以上に避難してください。</t>
  </si>
  <si>
    <t>避難場所・避難所データフォーマット</t>
    <rPh sb="0" eb="2">
      <t>ヒナン</t>
    </rPh>
    <rPh sb="2" eb="4">
      <t>バショ</t>
    </rPh>
    <rPh sb="5" eb="8">
      <t>ヒナンジョ</t>
    </rPh>
    <phoneticPr fontId="15"/>
  </si>
  <si>
    <t>富山県富山市</t>
    <rPh sb="0" eb="3">
      <t>トヤマケン</t>
    </rPh>
    <rPh sb="3" eb="6">
      <t>トヤマシ</t>
    </rPh>
    <phoneticPr fontId="2"/>
  </si>
  <si>
    <t>県名・市区町村名</t>
    <rPh sb="0" eb="2">
      <t>ケンメイ</t>
    </rPh>
    <rPh sb="3" eb="5">
      <t>シク</t>
    </rPh>
    <rPh sb="5" eb="7">
      <t>チョウソン</t>
    </rPh>
    <rPh sb="7" eb="8">
      <t>メイ</t>
    </rPh>
    <phoneticPr fontId="17"/>
  </si>
  <si>
    <t>担当部署</t>
    <rPh sb="0" eb="2">
      <t>タントウ</t>
    </rPh>
    <rPh sb="2" eb="4">
      <t>ブショ</t>
    </rPh>
    <phoneticPr fontId="15"/>
  </si>
  <si>
    <t>bosuai-01@city.toyama.lg.jp</t>
    <phoneticPr fontId="2"/>
  </si>
  <si>
    <t>076-443-2120</t>
    <phoneticPr fontId="2"/>
  </si>
  <si>
    <t xml:space="preserve">総務省の全国地方公共団体コード5桁
（検査数字を省く）＋5桁の連番
</t>
    <rPh sb="0" eb="3">
      <t>ソウムショウ</t>
    </rPh>
    <rPh sb="4" eb="6">
      <t>ゼンコク</t>
    </rPh>
    <rPh sb="6" eb="8">
      <t>チホウ</t>
    </rPh>
    <rPh sb="8" eb="10">
      <t>コウキョウ</t>
    </rPh>
    <rPh sb="10" eb="12">
      <t>ダンタイ</t>
    </rPh>
    <rPh sb="16" eb="17">
      <t>ケタ</t>
    </rPh>
    <rPh sb="19" eb="21">
      <t>ケンサ</t>
    </rPh>
    <rPh sb="21" eb="23">
      <t>スウジ</t>
    </rPh>
    <rPh sb="24" eb="25">
      <t>ハブ</t>
    </rPh>
    <rPh sb="29" eb="30">
      <t>ケタ</t>
    </rPh>
    <rPh sb="31" eb="33">
      <t>レンバン</t>
    </rPh>
    <phoneticPr fontId="15"/>
  </si>
  <si>
    <t xml:space="preserve">世界測地系（WGS84またはJGD2000）。
10進度形式で小数点以下6桁まで
</t>
    <phoneticPr fontId="15"/>
  </si>
  <si>
    <t>港区</t>
    <rPh sb="0" eb="2">
      <t>ミナトク</t>
    </rPh>
    <phoneticPr fontId="15"/>
  </si>
  <si>
    <t xml:space="preserve">指定自治体（住所とは異なる）
</t>
    <rPh sb="0" eb="2">
      <t>シテイ</t>
    </rPh>
    <rPh sb="2" eb="5">
      <t>ジチタイ</t>
    </rPh>
    <rPh sb="6" eb="8">
      <t>ジュウショ</t>
    </rPh>
    <rPh sb="10" eb="11">
      <t>コト</t>
    </rPh>
    <phoneticPr fontId="15"/>
  </si>
  <si>
    <t xml:space="preserve">該当施設を指定、管理している自治体コード
※全国地方公共団体コード（検査数字を省いた5桁）
</t>
    <rPh sb="0" eb="2">
      <t>ガイトウ</t>
    </rPh>
    <rPh sb="2" eb="4">
      <t>シセツ</t>
    </rPh>
    <rPh sb="5" eb="7">
      <t>シテイ</t>
    </rPh>
    <rPh sb="8" eb="10">
      <t>カンリ</t>
    </rPh>
    <rPh sb="14" eb="17">
      <t>ジチタイ</t>
    </rPh>
    <rPh sb="22" eb="24">
      <t>ゼンコク</t>
    </rPh>
    <rPh sb="24" eb="26">
      <t>チホウ</t>
    </rPh>
    <rPh sb="26" eb="28">
      <t>コウキョウ</t>
    </rPh>
    <rPh sb="28" eb="30">
      <t>ダンタイ</t>
    </rPh>
    <rPh sb="34" eb="36">
      <t>ケンサ</t>
    </rPh>
    <rPh sb="36" eb="38">
      <t>スウジ</t>
    </rPh>
    <rPh sb="39" eb="40">
      <t>ハブ</t>
    </rPh>
    <rPh sb="43" eb="44">
      <t>ケタ</t>
    </rPh>
    <phoneticPr fontId="15"/>
  </si>
  <si>
    <t xml:space="preserve">true:避難場所 false:避難場所ではない施設
例）指定緊急避難場所　など
</t>
    <rPh sb="5" eb="7">
      <t>ヒナン</t>
    </rPh>
    <rPh sb="7" eb="9">
      <t>バショ</t>
    </rPh>
    <rPh sb="16" eb="18">
      <t>ヒナン</t>
    </rPh>
    <rPh sb="18" eb="20">
      <t>バショ</t>
    </rPh>
    <rPh sb="24" eb="26">
      <t>シセツ</t>
    </rPh>
    <rPh sb="27" eb="28">
      <t>レイ</t>
    </rPh>
    <rPh sb="29" eb="31">
      <t>シテイ</t>
    </rPh>
    <rPh sb="31" eb="33">
      <t>キンキュウ</t>
    </rPh>
    <rPh sb="33" eb="35">
      <t>ヒナン</t>
    </rPh>
    <rPh sb="35" eb="37">
      <t>バショ</t>
    </rPh>
    <phoneticPr fontId="15"/>
  </si>
  <si>
    <t xml:space="preserve">true:避難所 false:避難所ではない施設
例）指定避難所
</t>
    <rPh sb="5" eb="8">
      <t>ヒナンジョ</t>
    </rPh>
    <rPh sb="15" eb="18">
      <t>ヒナンジョ</t>
    </rPh>
    <rPh sb="22" eb="24">
      <t>シセツ</t>
    </rPh>
    <rPh sb="25" eb="26">
      <t>レイ</t>
    </rPh>
    <rPh sb="27" eb="29">
      <t>シテイ</t>
    </rPh>
    <rPh sb="29" eb="32">
      <t>ヒナンジョ</t>
    </rPh>
    <phoneticPr fontId="15"/>
  </si>
  <si>
    <t xml:space="preserve">0:該当しない
1:該当する　指定済みまたは利用可能
9:今後指定する予定だが現時点で未設定
</t>
    <rPh sb="2" eb="4">
      <t>ガイトウ</t>
    </rPh>
    <rPh sb="10" eb="12">
      <t>ガイトウ</t>
    </rPh>
    <rPh sb="15" eb="17">
      <t>シテイ</t>
    </rPh>
    <rPh sb="17" eb="18">
      <t>ズ</t>
    </rPh>
    <rPh sb="22" eb="24">
      <t>リヨウ</t>
    </rPh>
    <rPh sb="24" eb="26">
      <t>カノウ</t>
    </rPh>
    <rPh sb="31" eb="33">
      <t>シテイ</t>
    </rPh>
    <phoneticPr fontId="15"/>
  </si>
  <si>
    <t>ほかのどの項目にも当てはまらない情報
例）※洪水時は２階以上に避難してください。</t>
    <rPh sb="5" eb="7">
      <t>コウモク</t>
    </rPh>
    <rPh sb="9" eb="10">
      <t>ア</t>
    </rPh>
    <rPh sb="16" eb="18">
      <t>ジョウホウ</t>
    </rPh>
    <rPh sb="19" eb="20">
      <t>レイ</t>
    </rPh>
    <rPh sb="22" eb="24">
      <t>コウズイ</t>
    </rPh>
    <rPh sb="24" eb="25">
      <t>ジ</t>
    </rPh>
    <rPh sb="27" eb="30">
      <t>カイイジョウ</t>
    </rPh>
    <rPh sb="31" eb="33">
      <t>ヒナン</t>
    </rPh>
    <phoneticPr fontId="15"/>
  </si>
  <si>
    <t>防災危機管理課</t>
    <rPh sb="0" eb="2">
      <t>ボウサイ</t>
    </rPh>
    <rPh sb="2" eb="7">
      <t>キキカンリカ</t>
    </rPh>
    <phoneticPr fontId="2"/>
  </si>
  <si>
    <t>富山地鉄ビル</t>
    <rPh sb="0" eb="2">
      <t>トヤマ</t>
    </rPh>
    <rPh sb="2" eb="4">
      <t>チテツ</t>
    </rPh>
    <phoneticPr fontId="3"/>
  </si>
  <si>
    <t>富山県富山市桜町1-1-36</t>
    <rPh sb="0" eb="3">
      <t>トヤマケン</t>
    </rPh>
    <rPh sb="3" eb="6">
      <t>トヤマシ</t>
    </rPh>
    <rPh sb="6" eb="8">
      <t>サクラマチ</t>
    </rPh>
    <phoneticPr fontId="3"/>
  </si>
  <si>
    <t>富山市</t>
    <rPh sb="0" eb="3">
      <t>トヤマシ</t>
    </rPh>
    <phoneticPr fontId="3"/>
  </si>
  <si>
    <t>1620102162</t>
  </si>
  <si>
    <t>076-444-0532</t>
  </si>
  <si>
    <t>1</t>
  </si>
  <si>
    <t>0</t>
  </si>
  <si>
    <t>※洪水時は４階以上に避難してください。</t>
  </si>
  <si>
    <t>1620101002</t>
  </si>
  <si>
    <t>1620101117</t>
  </si>
  <si>
    <t>1620101202</t>
  </si>
  <si>
    <t>1620101203</t>
  </si>
  <si>
    <t>1620101204</t>
  </si>
  <si>
    <t>富山県立富山学園</t>
    <rPh sb="0" eb="4">
      <t>トヤマケンリツ</t>
    </rPh>
    <phoneticPr fontId="6"/>
  </si>
  <si>
    <t>牧公民館</t>
    <rPh sb="0" eb="4">
      <t>マキコウミンカン</t>
    </rPh>
    <phoneticPr fontId="3"/>
  </si>
  <si>
    <t>室牧公民館</t>
    <rPh sb="0" eb="2">
      <t>ムロマキ</t>
    </rPh>
    <rPh sb="2" eb="5">
      <t>コウミンカン</t>
    </rPh>
    <phoneticPr fontId="3"/>
  </si>
  <si>
    <t>野積公民館</t>
    <rPh sb="0" eb="2">
      <t>ノヅ</t>
    </rPh>
    <rPh sb="2" eb="5">
      <t>コウミンカン</t>
    </rPh>
    <phoneticPr fontId="3"/>
  </si>
  <si>
    <t>仁歩公民館</t>
    <rPh sb="0" eb="2">
      <t>ジンホ</t>
    </rPh>
    <rPh sb="2" eb="5">
      <t>コウミンカン</t>
    </rPh>
    <phoneticPr fontId="3"/>
  </si>
  <si>
    <t>八尾行政サービスセンター</t>
    <rPh sb="0" eb="2">
      <t>ヤツオ</t>
    </rPh>
    <rPh sb="2" eb="4">
      <t>ギョウセイ</t>
    </rPh>
    <phoneticPr fontId="3"/>
  </si>
  <si>
    <t>速星公民館笹倉分館</t>
    <rPh sb="5" eb="7">
      <t>ササクラ</t>
    </rPh>
    <rPh sb="7" eb="9">
      <t>ブンカン</t>
    </rPh>
    <phoneticPr fontId="3"/>
  </si>
  <si>
    <t>朝日公民館</t>
    <rPh sb="2" eb="5">
      <t>コウミンカン</t>
    </rPh>
    <phoneticPr fontId="3"/>
  </si>
  <si>
    <t>宮川公民館</t>
    <rPh sb="0" eb="5">
      <t>ミヤガワコウミンカン</t>
    </rPh>
    <phoneticPr fontId="3"/>
  </si>
  <si>
    <t>古里公民館</t>
    <rPh sb="2" eb="5">
      <t>コウミンカン</t>
    </rPh>
    <phoneticPr fontId="3"/>
  </si>
  <si>
    <t>音川公民館</t>
    <rPh sb="2" eb="5">
      <t>コウミンカン</t>
    </rPh>
    <phoneticPr fontId="3"/>
  </si>
  <si>
    <t>神保公民館</t>
    <rPh sb="2" eb="5">
      <t>コウミンカン</t>
    </rPh>
    <phoneticPr fontId="3"/>
  </si>
  <si>
    <t>細入南部公民館</t>
    <rPh sb="0" eb="2">
      <t>ホソイリ</t>
    </rPh>
    <rPh sb="2" eb="4">
      <t>ナンブ</t>
    </rPh>
    <rPh sb="4" eb="7">
      <t>コウミンカン</t>
    </rPh>
    <phoneticPr fontId="3"/>
  </si>
  <si>
    <t>細入公民館</t>
    <rPh sb="0" eb="2">
      <t>ホソイリ</t>
    </rPh>
    <rPh sb="2" eb="5">
      <t>コウミンカン</t>
    </rPh>
    <phoneticPr fontId="3"/>
  </si>
  <si>
    <t>八尾公民館</t>
  </si>
  <si>
    <t>富山県呉羽青少年自然の家</t>
  </si>
  <si>
    <t>樫尾小学校</t>
  </si>
  <si>
    <t>富山市北保健福祉センター</t>
    <rPh sb="0" eb="3">
      <t>トヤマシ</t>
    </rPh>
    <phoneticPr fontId="3"/>
  </si>
  <si>
    <t>富山市パークゴルフ場</t>
    <rPh sb="2" eb="3">
      <t>シ</t>
    </rPh>
    <phoneticPr fontId="3"/>
  </si>
  <si>
    <t>富山県民会館</t>
    <rPh sb="0" eb="2">
      <t>トヤマ</t>
    </rPh>
    <phoneticPr fontId="3"/>
  </si>
  <si>
    <t>とよた保育園</t>
    <rPh sb="5" eb="6">
      <t>エン</t>
    </rPh>
    <phoneticPr fontId="3"/>
  </si>
  <si>
    <t>やまむろこども園</t>
    <rPh sb="7" eb="8">
      <t>エン</t>
    </rPh>
    <phoneticPr fontId="3"/>
  </si>
  <si>
    <t>堀川保育園</t>
    <rPh sb="0" eb="5">
      <t>ホリカワホイクエン</t>
    </rPh>
    <phoneticPr fontId="3"/>
  </si>
  <si>
    <t>WAKURU SOGAWA</t>
  </si>
  <si>
    <t>寒江地区センター</t>
    <rPh sb="0" eb="1">
      <t>サム</t>
    </rPh>
    <rPh sb="1" eb="2">
      <t>エ</t>
    </rPh>
    <rPh sb="2" eb="4">
      <t>チク</t>
    </rPh>
    <phoneticPr fontId="3"/>
  </si>
  <si>
    <t>富山県総合教育センター</t>
    <rPh sb="0" eb="3">
      <t>トヤマケン</t>
    </rPh>
    <rPh sb="3" eb="5">
      <t>ソウゴウ</t>
    </rPh>
    <rPh sb="5" eb="7">
      <t>キョウイク</t>
    </rPh>
    <phoneticPr fontId="3"/>
  </si>
  <si>
    <t>フューチャーシティーファボーレ立体駐車場</t>
    <rPh sb="15" eb="17">
      <t>リッタイ</t>
    </rPh>
    <rPh sb="17" eb="20">
      <t>チュウシャジョウ</t>
    </rPh>
    <phoneticPr fontId="3"/>
  </si>
  <si>
    <t>富山市西保健福祉センター</t>
    <rPh sb="0" eb="3">
      <t>トヤマシ</t>
    </rPh>
    <rPh sb="3" eb="4">
      <t>ニシ</t>
    </rPh>
    <rPh sb="4" eb="6">
      <t>ホケン</t>
    </rPh>
    <rPh sb="6" eb="8">
      <t>フクシ</t>
    </rPh>
    <phoneticPr fontId="3"/>
  </si>
  <si>
    <t>富山県民共生センター</t>
    <rPh sb="0" eb="3">
      <t>トヤマケン</t>
    </rPh>
    <rPh sb="3" eb="4">
      <t>ミン</t>
    </rPh>
    <rPh sb="4" eb="6">
      <t>キョウセイ</t>
    </rPh>
    <phoneticPr fontId="3"/>
  </si>
  <si>
    <t>富山県営富山中央駐車場</t>
  </si>
  <si>
    <t>富山市角川介護予防センター</t>
  </si>
  <si>
    <t>富山市中央保健福祉センター</t>
    <rPh sb="0" eb="3">
      <t>トヤマシ</t>
    </rPh>
    <rPh sb="3" eb="5">
      <t>チュウオウ</t>
    </rPh>
    <rPh sb="5" eb="7">
      <t>ホケン</t>
    </rPh>
    <rPh sb="7" eb="9">
      <t>フクシ</t>
    </rPh>
    <phoneticPr fontId="3"/>
  </si>
  <si>
    <t>富山県立大学富山キャンパス</t>
  </si>
  <si>
    <t>富山市民プール</t>
    <rPh sb="0" eb="2">
      <t>トヤマ</t>
    </rPh>
    <rPh sb="2" eb="4">
      <t>シミン</t>
    </rPh>
    <phoneticPr fontId="14"/>
  </si>
  <si>
    <t>富山市総合社会福祉センター</t>
    <rPh sb="0" eb="3">
      <t>トヤマシ</t>
    </rPh>
    <rPh sb="3" eb="5">
      <t>ソウゴウ</t>
    </rPh>
    <rPh sb="5" eb="7">
      <t>シャカイ</t>
    </rPh>
    <rPh sb="7" eb="9">
      <t>フクシ</t>
    </rPh>
    <phoneticPr fontId="14"/>
  </si>
  <si>
    <t>富山市立看護専門学校</t>
    <rPh sb="0" eb="4">
      <t>トヤマシリツ</t>
    </rPh>
    <rPh sb="4" eb="6">
      <t>カンゴ</t>
    </rPh>
    <rPh sb="6" eb="8">
      <t>センモン</t>
    </rPh>
    <rPh sb="8" eb="10">
      <t>ガッコウ</t>
    </rPh>
    <phoneticPr fontId="14"/>
  </si>
  <si>
    <t>富山県農林水産総合技術センター農業研究所（農業研修会館）</t>
  </si>
  <si>
    <t>富山県農林水産総合技術センター食品研究所</t>
  </si>
  <si>
    <t>富山県心の健康センター</t>
    <rPh sb="0" eb="3">
      <t>トヤマケン</t>
    </rPh>
    <rPh sb="3" eb="4">
      <t>ココロ</t>
    </rPh>
    <rPh sb="5" eb="7">
      <t>ケンコウ</t>
    </rPh>
    <phoneticPr fontId="3"/>
  </si>
  <si>
    <t>アピタ富山東店立体駐車場</t>
  </si>
  <si>
    <t>高志支援学校</t>
    <rPh sb="0" eb="1">
      <t>タカ</t>
    </rPh>
    <rPh sb="1" eb="2">
      <t>ココロザシ</t>
    </rPh>
    <rPh sb="2" eb="4">
      <t>シエン</t>
    </rPh>
    <rPh sb="4" eb="6">
      <t>ガッコウ</t>
    </rPh>
    <phoneticPr fontId="3"/>
  </si>
  <si>
    <t>富山市職業訓練センター</t>
    <rPh sb="0" eb="3">
      <t>トヤマシ</t>
    </rPh>
    <rPh sb="3" eb="5">
      <t>ショクギョウ</t>
    </rPh>
    <rPh sb="5" eb="7">
      <t>クンレン</t>
    </rPh>
    <phoneticPr fontId="3"/>
  </si>
  <si>
    <t>富山北消防署和合出張所</t>
  </si>
  <si>
    <t>1620102035</t>
  </si>
  <si>
    <t>1620102161</t>
  </si>
  <si>
    <t>富山県富山市天正寺1400</t>
  </si>
  <si>
    <t>富山県富山市牧803</t>
  </si>
  <si>
    <t>富山県富山市日尾214-1</t>
  </si>
  <si>
    <t>富山県富山市八尾町東町2108-10</t>
  </si>
  <si>
    <t>富山県富山市西金屋8194</t>
  </si>
  <si>
    <t>富山県富山市八尾町小長谷349</t>
  </si>
  <si>
    <t>富山県富山市高島62-1</t>
  </si>
  <si>
    <t>富山県富山市堀川小泉町1-16-24</t>
  </si>
  <si>
    <t>富山県富山市総曲輪3-4-1</t>
  </si>
  <si>
    <t>富山県富山市本郷中部263</t>
  </si>
  <si>
    <t>富山県富山市高田525</t>
  </si>
  <si>
    <t>富山県富山市婦中町下轡田165-1</t>
  </si>
  <si>
    <t>富山県富山市婦中町羽根1105-7</t>
  </si>
  <si>
    <t>富山県富山市湊入船町6-7</t>
  </si>
  <si>
    <t>富山県富山市豊若町3-12-25</t>
  </si>
  <si>
    <t>富山県富山市新桜町6-4</t>
  </si>
  <si>
    <t>富山県富山市星井町2-7-30</t>
  </si>
  <si>
    <t>富山県富山市星井町2-7-30(富山市角川介護予防センター 内)</t>
  </si>
  <si>
    <t>富山県富山市西長江2-2-78</t>
  </si>
  <si>
    <t>富山県富山市荒川4-1-70</t>
  </si>
  <si>
    <t>富山県富山市今泉83-1</t>
  </si>
  <si>
    <t>富山県富山市今泉308-1</t>
  </si>
  <si>
    <t>富山県富山市吉岡1124-1</t>
  </si>
  <si>
    <t>富山県富山市吉岡360</t>
  </si>
  <si>
    <t>富山県富山市蜷川459-1(富山市保健所 内)</t>
  </si>
  <si>
    <t>富山県富山市上冨居3-8-38</t>
  </si>
  <si>
    <t>富山県富山市道正29-1</t>
  </si>
  <si>
    <t>富山県富山市向新庄町1-14-40</t>
  </si>
  <si>
    <t>富山県富山市四方荒屋1500-1</t>
  </si>
  <si>
    <t>－</t>
  </si>
  <si>
    <t>富山市</t>
    <rPh sb="0" eb="3">
      <t>トヤマシ</t>
    </rPh>
    <phoneticPr fontId="7"/>
  </si>
  <si>
    <t>076-469-2498</t>
  </si>
  <si>
    <t>076-457-2254</t>
  </si>
  <si>
    <t>076-485-2013</t>
  </si>
  <si>
    <t>076-454-5405</t>
  </si>
  <si>
    <t>076-434-1908</t>
  </si>
  <si>
    <t>076-454-3512</t>
  </si>
  <si>
    <t>076-463-2034</t>
  </si>
  <si>
    <t>076-432-5073</t>
  </si>
  <si>
    <t>076-444-6041</t>
  </si>
  <si>
    <t>076-239-5520</t>
  </si>
  <si>
    <t>076-434-2680</t>
  </si>
  <si>
    <t>076-444-6161</t>
  </si>
  <si>
    <t>076-466-5000</t>
  </si>
  <si>
    <t>076-469-0770</t>
  </si>
  <si>
    <t>076-432-4500</t>
  </si>
  <si>
    <t>076-482-4682</t>
  </si>
  <si>
    <t>076-444-8451</t>
  </si>
  <si>
    <t>076-422-1220</t>
  </si>
  <si>
    <t>076-422-1172</t>
  </si>
  <si>
    <t>076-464-5410</t>
  </si>
  <si>
    <t>076-491-8899</t>
  </si>
  <si>
    <t>076-422-3400</t>
  </si>
  <si>
    <t>076-425-2555</t>
  </si>
  <si>
    <t>076-429-2111</t>
  </si>
  <si>
    <t>076-429-5400</t>
  </si>
  <si>
    <t>076-452-3311</t>
  </si>
  <si>
    <t>076-438-4811</t>
  </si>
  <si>
    <t>076-451-7500</t>
  </si>
  <si>
    <t>076-435-0119</t>
  </si>
  <si>
    <t>170</t>
  </si>
  <si>
    <t>160</t>
  </si>
  <si>
    <t>※洪水時は６階以上に避難してください。</t>
  </si>
  <si>
    <t>※洪水時は１階に避難してください。</t>
  </si>
  <si>
    <t>※洪水時は３階に避難してください。</t>
  </si>
  <si>
    <t>旧八人町小学校（体育館）</t>
    <rPh sb="8" eb="11">
      <t>タイイクカン</t>
    </rPh>
    <phoneticPr fontId="3"/>
  </si>
  <si>
    <t>三成小学校</t>
    <rPh sb="0" eb="2">
      <t>サンセイ</t>
    </rPh>
    <phoneticPr fontId="3"/>
  </si>
  <si>
    <t>旧上条小学校（体育館）</t>
    <rPh sb="0" eb="1">
      <t>キュウ</t>
    </rPh>
    <rPh sb="7" eb="10">
      <t>タイイクカン</t>
    </rPh>
    <phoneticPr fontId="3"/>
  </si>
  <si>
    <t>下タ南部公民館</t>
    <rPh sb="2" eb="4">
      <t>ナンブ</t>
    </rPh>
    <rPh sb="4" eb="7">
      <t>コウミンカン</t>
    </rPh>
    <phoneticPr fontId="3"/>
  </si>
  <si>
    <t>小羽公民館</t>
  </si>
  <si>
    <t>船峅公民館</t>
  </si>
  <si>
    <t>旧大沢野北部地区福祉センター</t>
  </si>
  <si>
    <t>富山県富山市八尾町井田120-1</t>
  </si>
  <si>
    <t>富山県富山市新屋1-3</t>
  </si>
  <si>
    <t>※改築工事が完了するまでの間、使用不可。洪水時は２階以上に避難してください。　</t>
    <rPh sb="20" eb="22">
      <t>コウズイ</t>
    </rPh>
    <phoneticPr fontId="3"/>
  </si>
  <si>
    <t>トヨタモビリティ富山㈱Gスクエア五福</t>
    <phoneticPr fontId="2"/>
  </si>
  <si>
    <t>076-431-8117</t>
    <phoneticPr fontId="2"/>
  </si>
  <si>
    <t>豊田適応指導教室（MAP豊田）</t>
    <rPh sb="0" eb="2">
      <t>トヨタ</t>
    </rPh>
    <rPh sb="2" eb="4">
      <t>テキオウ</t>
    </rPh>
    <rPh sb="4" eb="6">
      <t>シドウ</t>
    </rPh>
    <rPh sb="6" eb="8">
      <t>キョウシツ</t>
    </rPh>
    <phoneticPr fontId="3"/>
  </si>
  <si>
    <t>1620102163</t>
  </si>
  <si>
    <t>みやの保育所</t>
    <rPh sb="3" eb="6">
      <t>ホイクショ</t>
    </rPh>
    <phoneticPr fontId="2"/>
  </si>
  <si>
    <t>富山県富山市婦中町地角410</t>
    <rPh sb="0" eb="3">
      <t>トヤマケン</t>
    </rPh>
    <rPh sb="3" eb="6">
      <t>トヤマシ</t>
    </rPh>
    <rPh sb="6" eb="9">
      <t>フチュウマチ</t>
    </rPh>
    <rPh sb="9" eb="11">
      <t>チカク</t>
    </rPh>
    <phoneticPr fontId="2"/>
  </si>
  <si>
    <t>076-466-3225</t>
    <phoneticPr fontId="2"/>
  </si>
  <si>
    <t>富山市</t>
    <rPh sb="0" eb="3">
      <t>トヤマシ</t>
    </rPh>
    <phoneticPr fontId="2"/>
  </si>
  <si>
    <t>16201</t>
    <phoneticPr fontId="2"/>
  </si>
  <si>
    <t>true</t>
    <phoneticPr fontId="2"/>
  </si>
  <si>
    <t>false</t>
    <phoneticPr fontId="2"/>
  </si>
  <si>
    <t>1</t>
    <phoneticPr fontId="2"/>
  </si>
  <si>
    <t>0</t>
    <phoneticPr fontId="2"/>
  </si>
  <si>
    <t>八尾ゆめの森交流施設（中山間地活性化施設）</t>
    <rPh sb="0" eb="2">
      <t>ヤツオ</t>
    </rPh>
    <rPh sb="5" eb="6">
      <t>モリ</t>
    </rPh>
    <rPh sb="6" eb="8">
      <t>コウリュウ</t>
    </rPh>
    <rPh sb="8" eb="10">
      <t>シセツ</t>
    </rPh>
    <phoneticPr fontId="2"/>
  </si>
  <si>
    <t>0</t>
    <phoneticPr fontId="2"/>
  </si>
  <si>
    <t>1</t>
    <phoneticPr fontId="2"/>
  </si>
  <si>
    <t>下タ北部公民館</t>
    <rPh sb="0" eb="1">
      <t>シタ</t>
    </rPh>
    <rPh sb="2" eb="4">
      <t>ホクブ</t>
    </rPh>
    <rPh sb="4" eb="7">
      <t>コウミンカ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00000_ "/>
  </numFmts>
  <fonts count="27">
    <font>
      <sz val="12"/>
      <color theme="1"/>
      <name val="MS-PGothic"/>
      <family val="2"/>
      <charset val="128"/>
    </font>
    <font>
      <sz val="11"/>
      <color theme="1"/>
      <name val="Yu Gothic"/>
      <family val="2"/>
      <charset val="128"/>
      <scheme val="minor"/>
    </font>
    <font>
      <sz val="6"/>
      <name val="MS-PGothic"/>
      <family val="2"/>
      <charset val="128"/>
    </font>
    <font>
      <sz val="11"/>
      <color theme="1"/>
      <name val="Yu Gothic"/>
      <family val="3"/>
      <charset val="128"/>
      <scheme val="minor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u/>
      <sz val="12"/>
      <color theme="10"/>
      <name val="MS-PGothic"/>
      <family val="2"/>
      <charset val="128"/>
    </font>
    <font>
      <u/>
      <sz val="12"/>
      <color theme="11"/>
      <name val="MS-PGothic"/>
      <family val="2"/>
      <charset val="128"/>
    </font>
    <font>
      <b/>
      <sz val="18"/>
      <color theme="3"/>
      <name val="Yu Gothic Light"/>
      <family val="2"/>
      <charset val="128"/>
      <scheme val="major"/>
    </font>
    <font>
      <sz val="11"/>
      <color theme="1"/>
      <name val="ＭＳ Ｐゴシック"/>
      <family val="3"/>
      <charset val="128"/>
    </font>
    <font>
      <sz val="11"/>
      <name val="ＭＳ ゴシック"/>
      <family val="3"/>
      <charset val="128"/>
    </font>
    <font>
      <sz val="12"/>
      <color theme="0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color theme="1"/>
      <name val="Meiryo UI"/>
      <family val="3"/>
      <charset val="128"/>
    </font>
    <font>
      <b/>
      <sz val="16"/>
      <color indexed="8"/>
      <name val="Meiryo UI"/>
      <family val="3"/>
      <charset val="128"/>
    </font>
    <font>
      <sz val="6"/>
      <name val="ＭＳ Ｐゴシック"/>
      <family val="3"/>
      <charset val="128"/>
    </font>
    <font>
      <b/>
      <sz val="14"/>
      <color theme="0"/>
      <name val="Meiryo UI"/>
      <family val="3"/>
      <charset val="128"/>
    </font>
    <font>
      <b/>
      <sz val="15"/>
      <color indexed="56"/>
      <name val="ＭＳ Ｐゴシック"/>
      <family val="3"/>
      <charset val="128"/>
    </font>
    <font>
      <sz val="14"/>
      <color theme="1"/>
      <name val="Meiryo UI"/>
      <family val="3"/>
      <charset val="128"/>
    </font>
    <font>
      <sz val="14"/>
      <name val="Meiryo UI"/>
      <family val="3"/>
      <charset val="128"/>
    </font>
    <font>
      <sz val="14"/>
      <color indexed="8"/>
      <name val="Meiryo UI"/>
      <family val="3"/>
      <charset val="128"/>
    </font>
    <font>
      <sz val="11"/>
      <color indexed="17"/>
      <name val="ＭＳ Ｐゴシック"/>
      <family val="3"/>
      <charset val="128"/>
    </font>
    <font>
      <sz val="16"/>
      <color indexed="8"/>
      <name val="Meiryo UI"/>
      <family val="3"/>
      <charset val="128"/>
    </font>
    <font>
      <sz val="16"/>
      <name val="Meiryo UI"/>
      <family val="3"/>
      <charset val="128"/>
    </font>
    <font>
      <sz val="16"/>
      <color rgb="FFFF0000"/>
      <name val="Meiryo UI"/>
      <family val="3"/>
      <charset val="128"/>
    </font>
    <font>
      <sz val="11"/>
      <color theme="1"/>
      <name val="Meiryo UI"/>
      <family val="3"/>
      <charset val="128"/>
    </font>
    <font>
      <sz val="12"/>
      <color theme="1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CC"/>
      </patternFill>
    </fill>
    <fill>
      <patternFill patternType="solid">
        <fgColor theme="0" tint="-0.34998626667073579"/>
        <bgColor indexed="64"/>
      </patternFill>
    </fill>
    <fill>
      <patternFill patternType="solid">
        <fgColor indexed="55"/>
        <bgColor indexed="64"/>
      </patternFill>
    </fill>
  </fills>
  <borders count="24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/>
      <top style="thin">
        <color auto="1"/>
      </top>
      <bottom style="hair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theme="0" tint="-0.34998626667073579"/>
      </left>
      <right style="thin">
        <color auto="1"/>
      </right>
      <top style="thin">
        <color theme="0" tint="-0.34998626667073579"/>
      </top>
      <bottom style="hair">
        <color theme="0" tint="-0.34998626667073579"/>
      </bottom>
      <diagonal/>
    </border>
    <border>
      <left style="thin">
        <color auto="1"/>
      </left>
      <right style="thin">
        <color auto="1"/>
      </right>
      <top style="thin">
        <color theme="0" tint="-0.34998626667073579"/>
      </top>
      <bottom style="hair">
        <color theme="0" tint="-0.34998626667073579"/>
      </bottom>
      <diagonal/>
    </border>
    <border>
      <left style="thin">
        <color auto="1"/>
      </left>
      <right style="thin">
        <color theme="0" tint="-0.34998626667073579"/>
      </right>
      <top style="thin">
        <color theme="0" tint="-0.34998626667073579"/>
      </top>
      <bottom style="hair">
        <color theme="0" tint="-0.34998626667073579"/>
      </bottom>
      <diagonal/>
    </border>
    <border>
      <left style="thin">
        <color theme="0" tint="-0.34998626667073579"/>
      </left>
      <right style="thin">
        <color auto="1"/>
      </right>
      <top style="hair">
        <color theme="0" tint="-0.34998626667073579"/>
      </top>
      <bottom style="hair">
        <color theme="0" tint="-0.34998626667073579"/>
      </bottom>
      <diagonal/>
    </border>
    <border>
      <left style="thin">
        <color auto="1"/>
      </left>
      <right style="thin">
        <color auto="1"/>
      </right>
      <top style="hair">
        <color theme="0" tint="-0.34998626667073579"/>
      </top>
      <bottom style="hair">
        <color theme="0" tint="-0.34998626667073579"/>
      </bottom>
      <diagonal/>
    </border>
    <border>
      <left style="thin">
        <color auto="1"/>
      </left>
      <right style="thin">
        <color theme="0" tint="-0.34998626667073579"/>
      </right>
      <top style="hair">
        <color theme="0" tint="-0.34998626667073579"/>
      </top>
      <bottom style="hair">
        <color theme="0" tint="-0.34998626667073579"/>
      </bottom>
      <diagonal/>
    </border>
    <border>
      <left style="thin">
        <color theme="0" tint="-0.34998626667073579"/>
      </left>
      <right style="thin">
        <color auto="1"/>
      </right>
      <top style="hair">
        <color theme="0" tint="-0.34998626667073579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theme="0" tint="-0.34998626667073579"/>
      </top>
      <bottom style="hair">
        <color auto="1"/>
      </bottom>
      <diagonal/>
    </border>
    <border>
      <left style="thin">
        <color auto="1"/>
      </left>
      <right style="thin">
        <color theme="0" tint="-0.34998626667073579"/>
      </right>
      <top style="hair">
        <color theme="0" tint="-0.34998626667073579"/>
      </top>
      <bottom style="hair">
        <color auto="1"/>
      </bottom>
      <diagonal/>
    </border>
    <border>
      <left style="thin">
        <color theme="0" tint="-0.34998626667073579"/>
      </left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/>
      <top style="thin">
        <color theme="0" tint="-0.34998626667073579"/>
      </top>
      <bottom style="thin">
        <color theme="0" tint="-0.34998626667073579"/>
      </bottom>
      <diagonal/>
    </border>
    <border>
      <left/>
      <right style="thin">
        <color theme="0" tint="-0.34998626667073579"/>
      </right>
      <top style="thin">
        <color theme="0" tint="-0.34998626667073579"/>
      </top>
      <bottom style="thin">
        <color theme="0" tint="-0.34998626667073579"/>
      </bottom>
      <diagonal/>
    </border>
  </borders>
  <cellStyleXfs count="73">
    <xf numFmtId="0" fontId="0" fillId="0" borderId="0"/>
    <xf numFmtId="0" fontId="3" fillId="0" borderId="0">
      <alignment vertical="center"/>
    </xf>
    <xf numFmtId="0" fontId="4" fillId="0" borderId="0">
      <alignment vertical="center"/>
    </xf>
    <xf numFmtId="0" fontId="5" fillId="0" borderId="0">
      <alignment vertical="center"/>
    </xf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9" fillId="0" borderId="0">
      <alignment vertical="center"/>
    </xf>
    <xf numFmtId="0" fontId="8" fillId="0" borderId="0" applyNumberFormat="0" applyFill="0" applyBorder="0" applyAlignment="0" applyProtection="0">
      <alignment vertical="center"/>
    </xf>
    <xf numFmtId="0" fontId="3" fillId="2" borderId="1" applyNumberFormat="0" applyFont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0" fillId="0" borderId="0">
      <alignment vertical="center"/>
    </xf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1" fillId="0" borderId="0">
      <alignment vertical="center"/>
    </xf>
    <xf numFmtId="0" fontId="6" fillId="0" borderId="0" applyNumberFormat="0" applyFill="0" applyBorder="0" applyAlignment="0" applyProtection="0"/>
  </cellStyleXfs>
  <cellXfs count="54">
    <xf numFmtId="0" fontId="0" fillId="0" borderId="0" xfId="0"/>
    <xf numFmtId="49" fontId="12" fillId="0" borderId="0" xfId="2" applyNumberFormat="1" applyFont="1" applyFill="1" applyBorder="1" applyAlignment="1">
      <alignment vertical="center"/>
    </xf>
    <xf numFmtId="49" fontId="12" fillId="0" borderId="0" xfId="2" applyNumberFormat="1" applyFont="1" applyFill="1" applyAlignment="1">
      <alignment vertical="center"/>
    </xf>
    <xf numFmtId="176" fontId="12" fillId="0" borderId="0" xfId="2" applyNumberFormat="1" applyFont="1" applyFill="1" applyBorder="1" applyAlignment="1">
      <alignment vertical="center"/>
    </xf>
    <xf numFmtId="176" fontId="12" fillId="0" borderId="0" xfId="2" applyNumberFormat="1" applyFont="1" applyFill="1" applyAlignment="1">
      <alignment vertical="center"/>
    </xf>
    <xf numFmtId="0" fontId="13" fillId="0" borderId="0" xfId="8" applyFont="1" applyProtection="1">
      <alignment vertical="center"/>
      <protection locked="0"/>
    </xf>
    <xf numFmtId="0" fontId="14" fillId="0" borderId="0" xfId="8" applyFont="1" applyProtection="1">
      <alignment vertical="center"/>
      <protection locked="0"/>
    </xf>
    <xf numFmtId="0" fontId="16" fillId="3" borderId="2" xfId="8" applyFont="1" applyFill="1" applyBorder="1" applyAlignment="1" applyProtection="1">
      <alignment horizontal="center" vertical="center"/>
      <protection locked="0"/>
    </xf>
    <xf numFmtId="0" fontId="16" fillId="3" borderId="5" xfId="8" applyFont="1" applyFill="1" applyBorder="1" applyAlignment="1" applyProtection="1">
      <alignment horizontal="center" vertical="center"/>
      <protection locked="0"/>
    </xf>
    <xf numFmtId="0" fontId="16" fillId="3" borderId="8" xfId="8" applyFont="1" applyFill="1" applyBorder="1" applyAlignment="1" applyProtection="1">
      <alignment horizontal="center" vertical="center"/>
      <protection locked="0"/>
    </xf>
    <xf numFmtId="49" fontId="18" fillId="0" borderId="9" xfId="8" applyNumberFormat="1" applyFont="1" applyBorder="1" applyAlignment="1" applyProtection="1">
      <alignment horizontal="left" vertical="center"/>
      <protection locked="0"/>
    </xf>
    <xf numFmtId="49" fontId="18" fillId="0" borderId="10" xfId="8" applyNumberFormat="1" applyFont="1" applyBorder="1" applyAlignment="1" applyProtection="1">
      <alignment horizontal="left" vertical="center"/>
      <protection locked="0"/>
    </xf>
    <xf numFmtId="0" fontId="18" fillId="0" borderId="0" xfId="8" applyFont="1" applyProtection="1">
      <alignment vertical="center"/>
      <protection locked="0"/>
    </xf>
    <xf numFmtId="0" fontId="16" fillId="3" borderId="11" xfId="8" applyFont="1" applyFill="1" applyBorder="1" applyAlignment="1" applyProtection="1">
      <alignment horizontal="center" vertical="center"/>
      <protection locked="0"/>
    </xf>
    <xf numFmtId="0" fontId="16" fillId="4" borderId="11" xfId="8" applyFont="1" applyFill="1" applyBorder="1" applyAlignment="1" applyProtection="1">
      <alignment horizontal="center" vertical="center"/>
      <protection locked="0"/>
    </xf>
    <xf numFmtId="49" fontId="18" fillId="0" borderId="12" xfId="8" applyNumberFormat="1" applyFont="1" applyBorder="1" applyProtection="1">
      <alignment vertical="center"/>
      <protection locked="0"/>
    </xf>
    <xf numFmtId="49" fontId="19" fillId="0" borderId="13" xfId="8" applyNumberFormat="1" applyFont="1" applyBorder="1" applyAlignment="1" applyProtection="1">
      <alignment vertical="center" wrapText="1"/>
      <protection locked="0"/>
    </xf>
    <xf numFmtId="49" fontId="19" fillId="0" borderId="13" xfId="8" applyNumberFormat="1" applyFont="1" applyBorder="1" applyAlignment="1" applyProtection="1">
      <alignment horizontal="left" vertical="center"/>
      <protection locked="0"/>
    </xf>
    <xf numFmtId="49" fontId="18" fillId="0" borderId="15" xfId="8" applyNumberFormat="1" applyFont="1" applyBorder="1" applyProtection="1">
      <alignment vertical="center"/>
      <protection locked="0"/>
    </xf>
    <xf numFmtId="49" fontId="19" fillId="0" borderId="16" xfId="8" applyNumberFormat="1" applyFont="1" applyBorder="1" applyAlignment="1" applyProtection="1">
      <alignment vertical="center" wrapText="1"/>
      <protection locked="0"/>
    </xf>
    <xf numFmtId="49" fontId="19" fillId="0" borderId="16" xfId="8" applyNumberFormat="1" applyFont="1" applyBorder="1" applyAlignment="1" applyProtection="1">
      <alignment horizontal="left" vertical="center"/>
      <protection locked="0"/>
    </xf>
    <xf numFmtId="49" fontId="19" fillId="0" borderId="17" xfId="8" applyNumberFormat="1" applyFont="1" applyBorder="1" applyAlignment="1" applyProtection="1">
      <alignment horizontal="left" vertical="center" wrapText="1"/>
      <protection locked="0"/>
    </xf>
    <xf numFmtId="49" fontId="19" fillId="0" borderId="16" xfId="8" applyNumberFormat="1" applyFont="1" applyBorder="1" applyProtection="1">
      <alignment vertical="center"/>
      <protection locked="0"/>
    </xf>
    <xf numFmtId="49" fontId="19" fillId="0" borderId="17" xfId="8" applyNumberFormat="1" applyFont="1" applyBorder="1" applyAlignment="1" applyProtection="1">
      <alignment horizontal="left" vertical="center"/>
      <protection locked="0"/>
    </xf>
    <xf numFmtId="49" fontId="20" fillId="0" borderId="15" xfId="8" applyNumberFormat="1" applyFont="1" applyBorder="1" applyProtection="1">
      <alignment vertical="center"/>
      <protection locked="0"/>
    </xf>
    <xf numFmtId="49" fontId="19" fillId="0" borderId="16" xfId="8" applyNumberFormat="1" applyFont="1" applyBorder="1" applyAlignment="1" applyProtection="1">
      <alignment horizontal="left" vertical="center" wrapText="1"/>
      <protection locked="0"/>
    </xf>
    <xf numFmtId="0" fontId="18" fillId="0" borderId="15" xfId="8" applyFont="1" applyBorder="1" applyProtection="1">
      <alignment vertical="center"/>
      <protection locked="0"/>
    </xf>
    <xf numFmtId="3" fontId="19" fillId="0" borderId="16" xfId="8" applyNumberFormat="1" applyFont="1" applyBorder="1" applyAlignment="1" applyProtection="1">
      <alignment horizontal="left" vertical="center"/>
      <protection locked="0"/>
    </xf>
    <xf numFmtId="49" fontId="20" fillId="0" borderId="18" xfId="8" applyNumberFormat="1" applyFont="1" applyBorder="1" applyProtection="1">
      <alignment vertical="center"/>
      <protection locked="0"/>
    </xf>
    <xf numFmtId="49" fontId="19" fillId="0" borderId="19" xfId="8" applyNumberFormat="1" applyFont="1" applyBorder="1" applyProtection="1">
      <alignment vertical="center"/>
      <protection locked="0"/>
    </xf>
    <xf numFmtId="49" fontId="19" fillId="0" borderId="19" xfId="8" applyNumberFormat="1" applyFont="1" applyBorder="1" applyAlignment="1" applyProtection="1">
      <alignment horizontal="left" vertical="center"/>
      <protection locked="0"/>
    </xf>
    <xf numFmtId="49" fontId="22" fillId="0" borderId="0" xfId="8" applyNumberFormat="1" applyFont="1" applyProtection="1">
      <alignment vertical="center"/>
      <protection locked="0"/>
    </xf>
    <xf numFmtId="49" fontId="23" fillId="0" borderId="0" xfId="8" applyNumberFormat="1" applyFont="1" applyProtection="1">
      <alignment vertical="center"/>
      <protection locked="0"/>
    </xf>
    <xf numFmtId="49" fontId="22" fillId="0" borderId="0" xfId="8" applyNumberFormat="1" applyFont="1" applyAlignment="1" applyProtection="1">
      <alignment horizontal="left" vertical="center"/>
      <protection locked="0"/>
    </xf>
    <xf numFmtId="49" fontId="22" fillId="0" borderId="0" xfId="8" applyNumberFormat="1" applyFont="1" applyAlignment="1" applyProtection="1">
      <alignment horizontal="left" vertical="center" wrapText="1"/>
      <protection locked="0"/>
    </xf>
    <xf numFmtId="0" fontId="24" fillId="0" borderId="0" xfId="8" applyFont="1" applyProtection="1">
      <alignment vertical="center"/>
      <protection locked="0"/>
    </xf>
    <xf numFmtId="0" fontId="13" fillId="0" borderId="0" xfId="8" applyFont="1" applyAlignment="1" applyProtection="1">
      <alignment horizontal="left" vertical="center"/>
      <protection locked="0"/>
    </xf>
    <xf numFmtId="49" fontId="11" fillId="0" borderId="0" xfId="2" applyNumberFormat="1" applyFont="1" applyFill="1" applyBorder="1" applyAlignment="1">
      <alignment vertical="center"/>
    </xf>
    <xf numFmtId="176" fontId="11" fillId="0" borderId="0" xfId="2" applyNumberFormat="1" applyFont="1" applyFill="1" applyBorder="1" applyAlignment="1">
      <alignment vertical="center"/>
    </xf>
    <xf numFmtId="49" fontId="11" fillId="0" borderId="0" xfId="2" applyNumberFormat="1" applyFont="1" applyFill="1" applyAlignment="1">
      <alignment vertical="center"/>
    </xf>
    <xf numFmtId="49" fontId="18" fillId="0" borderId="3" xfId="8" applyNumberFormat="1" applyFont="1" applyBorder="1" applyAlignment="1" applyProtection="1">
      <alignment vertical="center"/>
      <protection locked="0"/>
    </xf>
    <xf numFmtId="49" fontId="18" fillId="0" borderId="4" xfId="8" applyNumberFormat="1" applyFont="1" applyBorder="1" applyAlignment="1" applyProtection="1">
      <alignment vertical="center"/>
      <protection locked="0"/>
    </xf>
    <xf numFmtId="49" fontId="18" fillId="0" borderId="6" xfId="8" applyNumberFormat="1" applyFont="1" applyBorder="1" applyAlignment="1" applyProtection="1">
      <alignment vertical="center"/>
      <protection locked="0"/>
    </xf>
    <xf numFmtId="49" fontId="18" fillId="0" borderId="7" xfId="8" applyNumberFormat="1" applyFont="1" applyBorder="1" applyAlignment="1" applyProtection="1">
      <alignment vertical="center"/>
      <protection locked="0"/>
    </xf>
    <xf numFmtId="49" fontId="6" fillId="0" borderId="6" xfId="72" applyNumberFormat="1" applyBorder="1" applyAlignment="1" applyProtection="1">
      <alignment vertical="center"/>
      <protection locked="0"/>
    </xf>
    <xf numFmtId="49" fontId="19" fillId="0" borderId="14" xfId="0" applyNumberFormat="1" applyFont="1" applyFill="1" applyBorder="1" applyAlignment="1" applyProtection="1">
      <alignment horizontal="left" vertical="top" wrapText="1"/>
      <protection locked="0"/>
    </xf>
    <xf numFmtId="49" fontId="19" fillId="0" borderId="17" xfId="0" applyNumberFormat="1" applyFont="1" applyFill="1" applyBorder="1" applyAlignment="1" applyProtection="1">
      <alignment horizontal="left" vertical="top" wrapText="1"/>
      <protection locked="0"/>
    </xf>
    <xf numFmtId="49" fontId="19" fillId="0" borderId="16" xfId="0" applyNumberFormat="1" applyFont="1" applyFill="1" applyBorder="1" applyAlignment="1" applyProtection="1">
      <alignment horizontal="left" vertical="center" wrapText="1"/>
      <protection locked="0"/>
    </xf>
    <xf numFmtId="49" fontId="19" fillId="0" borderId="20" xfId="0" applyNumberFormat="1" applyFont="1" applyFill="1" applyBorder="1" applyAlignment="1" applyProtection="1">
      <alignment horizontal="left" vertical="top" wrapText="1"/>
      <protection locked="0"/>
    </xf>
    <xf numFmtId="0" fontId="12" fillId="0" borderId="0" xfId="2" applyNumberFormat="1" applyFont="1" applyFill="1" applyAlignment="1">
      <alignment vertical="center"/>
    </xf>
    <xf numFmtId="0" fontId="13" fillId="0" borderId="21" xfId="8" applyFont="1" applyBorder="1" applyAlignment="1" applyProtection="1">
      <alignment vertical="top" wrapText="1"/>
      <protection locked="0"/>
    </xf>
    <xf numFmtId="0" fontId="25" fillId="0" borderId="22" xfId="8" applyFont="1" applyBorder="1" applyAlignment="1">
      <alignment vertical="top"/>
    </xf>
    <xf numFmtId="0" fontId="25" fillId="0" borderId="23" xfId="8" applyFont="1" applyBorder="1" applyAlignment="1">
      <alignment vertical="top"/>
    </xf>
    <xf numFmtId="49" fontId="26" fillId="0" borderId="0" xfId="2" applyNumberFormat="1" applyFont="1" applyFill="1" applyAlignment="1">
      <alignment vertical="center"/>
    </xf>
  </cellXfs>
  <cellStyles count="73">
    <cellStyle name="タイトル 2" xfId="9"/>
    <cellStyle name="ハイパーリンク" xfId="4" builtinId="8" hidden="1"/>
    <cellStyle name="ハイパーリンク" xfId="6" builtinId="8" hidden="1"/>
    <cellStyle name="ハイパーリンク" xfId="23" builtinId="8" hidden="1"/>
    <cellStyle name="ハイパーリンク" xfId="25" builtinId="8" hidden="1"/>
    <cellStyle name="ハイパーリンク" xfId="27" builtinId="8" hidden="1"/>
    <cellStyle name="ハイパーリンク" xfId="29" builtinId="8" hidden="1"/>
    <cellStyle name="ハイパーリンク" xfId="31" builtinId="8" hidden="1"/>
    <cellStyle name="ハイパーリンク" xfId="33" builtinId="8" hidden="1"/>
    <cellStyle name="ハイパーリンク" xfId="35" builtinId="8" hidden="1"/>
    <cellStyle name="ハイパーリンク" xfId="37" builtinId="8" hidden="1"/>
    <cellStyle name="ハイパーリンク" xfId="39" builtinId="8" hidden="1"/>
    <cellStyle name="ハイパーリンク" xfId="41" builtinId="8" hidden="1"/>
    <cellStyle name="ハイパーリンク" xfId="43" builtinId="8" hidden="1"/>
    <cellStyle name="ハイパーリンク" xfId="45" builtinId="8" hidden="1"/>
    <cellStyle name="ハイパーリンク" xfId="47" builtinId="8" hidden="1"/>
    <cellStyle name="ハイパーリンク" xfId="49" builtinId="8" hidden="1"/>
    <cellStyle name="ハイパーリンク" xfId="51" builtinId="8" hidden="1"/>
    <cellStyle name="ハイパーリンク" xfId="53" builtinId="8" hidden="1"/>
    <cellStyle name="ハイパーリンク" xfId="55" builtinId="8" hidden="1"/>
    <cellStyle name="ハイパーリンク" xfId="57" builtinId="8" hidden="1"/>
    <cellStyle name="ハイパーリンク" xfId="59" builtinId="8" hidden="1"/>
    <cellStyle name="ハイパーリンク" xfId="61" builtinId="8" hidden="1"/>
    <cellStyle name="ハイパーリンク" xfId="63" builtinId="8" hidden="1"/>
    <cellStyle name="ハイパーリンク" xfId="65" builtinId="8" hidden="1"/>
    <cellStyle name="ハイパーリンク" xfId="67" builtinId="8" hidden="1"/>
    <cellStyle name="ハイパーリンク" xfId="69" builtinId="8" hidden="1"/>
    <cellStyle name="ハイパーリンク" xfId="72" builtinId="8"/>
    <cellStyle name="メモ 2" xfId="10"/>
    <cellStyle name="桁区切り 2" xfId="11"/>
    <cellStyle name="標準" xfId="0" builtinId="0"/>
    <cellStyle name="標準 2" xfId="1"/>
    <cellStyle name="標準 3" xfId="2"/>
    <cellStyle name="標準 4" xfId="8"/>
    <cellStyle name="標準 5" xfId="71"/>
    <cellStyle name="標準 6 3" xfId="3"/>
    <cellStyle name="標準 9" xfId="12"/>
    <cellStyle name="表示済みのハイパーリンク" xfId="5" builtinId="9" hidden="1"/>
    <cellStyle name="表示済みのハイパーリンク" xfId="7" builtinId="9" hidden="1"/>
    <cellStyle name="表示済みのハイパーリンク" xfId="13" builtinId="9" hidden="1"/>
    <cellStyle name="表示済みのハイパーリンク" xfId="14" builtinId="9" hidden="1"/>
    <cellStyle name="表示済みのハイパーリンク" xfId="15" builtinId="9" hidden="1"/>
    <cellStyle name="表示済みのハイパーリンク" xfId="16" builtinId="9" hidden="1"/>
    <cellStyle name="表示済みのハイパーリンク" xfId="17" builtinId="9" hidden="1"/>
    <cellStyle name="表示済みのハイパーリンク" xfId="18" builtinId="9" hidden="1"/>
    <cellStyle name="表示済みのハイパーリンク" xfId="19" builtinId="9" hidden="1"/>
    <cellStyle name="表示済みのハイパーリンク" xfId="20" builtinId="9" hidden="1"/>
    <cellStyle name="表示済みのハイパーリンク" xfId="21" builtinId="9" hidden="1"/>
    <cellStyle name="表示済みのハイパーリンク" xfId="22" builtinId="9" hidden="1"/>
    <cellStyle name="表示済みのハイパーリンク" xfId="24" builtinId="9" hidden="1"/>
    <cellStyle name="表示済みのハイパーリンク" xfId="26" builtinId="9" hidden="1"/>
    <cellStyle name="表示済みのハイパーリンク" xfId="28" builtinId="9" hidden="1"/>
    <cellStyle name="表示済みのハイパーリンク" xfId="30" builtinId="9" hidden="1"/>
    <cellStyle name="表示済みのハイパーリンク" xfId="32" builtinId="9" hidden="1"/>
    <cellStyle name="表示済みのハイパーリンク" xfId="34" builtinId="9" hidden="1"/>
    <cellStyle name="表示済みのハイパーリンク" xfId="36" builtinId="9" hidden="1"/>
    <cellStyle name="表示済みのハイパーリンク" xfId="38" builtinId="9" hidden="1"/>
    <cellStyle name="表示済みのハイパーリンク" xfId="40" builtinId="9" hidden="1"/>
    <cellStyle name="表示済みのハイパーリンク" xfId="42" builtinId="9" hidden="1"/>
    <cellStyle name="表示済みのハイパーリンク" xfId="44" builtinId="9" hidden="1"/>
    <cellStyle name="表示済みのハイパーリンク" xfId="46" builtinId="9" hidden="1"/>
    <cellStyle name="表示済みのハイパーリンク" xfId="48" builtinId="9" hidden="1"/>
    <cellStyle name="表示済みのハイパーリンク" xfId="50" builtinId="9" hidden="1"/>
    <cellStyle name="表示済みのハイパーリンク" xfId="52" builtinId="9" hidden="1"/>
    <cellStyle name="表示済みのハイパーリンク" xfId="54" builtinId="9" hidden="1"/>
    <cellStyle name="表示済みのハイパーリンク" xfId="56" builtinId="9" hidden="1"/>
    <cellStyle name="表示済みのハイパーリンク" xfId="58" builtinId="9" hidden="1"/>
    <cellStyle name="表示済みのハイパーリンク" xfId="60" builtinId="9" hidden="1"/>
    <cellStyle name="表示済みのハイパーリンク" xfId="62" builtinId="9" hidden="1"/>
    <cellStyle name="表示済みのハイパーリンク" xfId="64" builtinId="9" hidden="1"/>
    <cellStyle name="表示済みのハイパーリンク" xfId="66" builtinId="9" hidden="1"/>
    <cellStyle name="表示済みのハイパーリンク" xfId="68" builtinId="9" hidden="1"/>
    <cellStyle name="表示済みのハイパーリンク" xfId="70" builtinId="9" hidden="1"/>
  </cellStyles>
  <dxfs count="22"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176" formatCode="0.000000_ 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176" formatCode="0.000000_ 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auto="1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2"/>
        <color theme="0"/>
        <name val="ＭＳ Ｐゴシック"/>
        <scheme val="none"/>
      </font>
      <numFmt numFmtId="30" formatCode="@"/>
      <fill>
        <patternFill patternType="none">
          <fgColor indexed="64"/>
          <bgColor auto="1"/>
        </patternFill>
      </fill>
      <alignment horizontal="general" vertical="center" textRotation="0" wrapText="0" relativeIndent="0" justifyLastLine="0" shrinkToFit="0" readingOrder="0"/>
    </dxf>
  </dxfs>
  <tableStyles count="0" defaultTableStyle="TableStyleMedium9" defaultPivotStyle="PivotStyleMedium7"/>
  <colors>
    <mruColors>
      <color rgb="FFFFC7CE"/>
      <color rgb="FFFF7C00"/>
      <color rgb="FFFF9300"/>
      <color rgb="FF0432FF"/>
      <color rgb="FFFF4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id="3" name="テーブル1" displayName="テーブル1" ref="A1:T324" totalsRowShown="0" headerRowDxfId="21" dataDxfId="20" dataCellStyle="標準 3">
  <autoFilter ref="A1:T324"/>
  <tableColumns count="20">
    <tableColumn id="18" name="ID (v2.0)" dataDxfId="19" dataCellStyle="標準 3"/>
    <tableColumn id="4" name="名称" dataDxfId="18" dataCellStyle="標準 3"/>
    <tableColumn id="5" name="住所" dataDxfId="17" dataCellStyle="標準 3"/>
    <tableColumn id="15" name="緯度" dataDxfId="16" dataCellStyle="標準 3"/>
    <tableColumn id="6" name="経度" dataDxfId="15" dataCellStyle="標準 3"/>
    <tableColumn id="7" name="電話番号" dataDxfId="14" dataCellStyle="標準 3"/>
    <tableColumn id="3" name="自治体名" dataDxfId="13" dataCellStyle="標準 3"/>
    <tableColumn id="22" name="コード" dataDxfId="12" dataCellStyle="標準 3"/>
    <tableColumn id="21" name="避難場所" dataDxfId="11" dataCellStyle="標準 3"/>
    <tableColumn id="16" name="避難所" dataDxfId="10" dataCellStyle="標準 3"/>
    <tableColumn id="8" name="洪水" dataDxfId="9" dataCellStyle="標準 3"/>
    <tableColumn id="9" name="崖崩れ、土石流及び地滑り" dataDxfId="8" dataCellStyle="標準 3"/>
    <tableColumn id="10" name="高潮" dataDxfId="7" dataCellStyle="標準 3"/>
    <tableColumn id="11" name="地震" dataDxfId="6" dataCellStyle="標準 3"/>
    <tableColumn id="12" name="津波" dataDxfId="5" dataCellStyle="標準 3"/>
    <tableColumn id="13" name="火事" dataDxfId="4" dataCellStyle="標準 3"/>
    <tableColumn id="17" name="内水氾濫" dataDxfId="3" dataCellStyle="標準 3"/>
    <tableColumn id="19" name="火山" dataDxfId="2" dataCellStyle="標準 3"/>
    <tableColumn id="20" name="想定収容人数" dataDxfId="1" dataCellStyle="標準 3"/>
    <tableColumn id="25" name="備考" dataDxfId="0" dataCellStyle="標準 3"/>
  </tableColumns>
  <tableStyleInfo name="TableStyleMedium14" showFirstColumn="0" showLastColumn="0" showRowStripes="1" showColumnStripes="0"/>
</table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bosuai-01@city.toyama.lg.jp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33"/>
  <sheetViews>
    <sheetView showGridLines="0" zoomScale="80" zoomScaleNormal="80" zoomScalePageLayoutView="70" workbookViewId="0">
      <selection activeCell="D6" sqref="D6"/>
    </sheetView>
  </sheetViews>
  <sheetFormatPr defaultColWidth="8.875" defaultRowHeight="21"/>
  <cols>
    <col min="1" max="1" width="3.625" style="5" customWidth="1"/>
    <col min="2" max="2" width="39.375" style="5" customWidth="1"/>
    <col min="3" max="3" width="27" style="5" customWidth="1"/>
    <col min="4" max="4" width="42.875" style="5" customWidth="1"/>
    <col min="5" max="5" width="93.125" style="5" customWidth="1"/>
    <col min="6" max="17" width="8.875" style="5"/>
    <col min="18" max="18" width="22.125" style="5" customWidth="1"/>
    <col min="19" max="16384" width="8.875" style="5"/>
  </cols>
  <sheetData>
    <row r="2" spans="1:5">
      <c r="B2" s="6" t="s">
        <v>1161</v>
      </c>
    </row>
    <row r="3" spans="1:5">
      <c r="A3" s="6"/>
    </row>
    <row r="4" spans="1:5">
      <c r="A4" s="6"/>
      <c r="B4" s="7" t="s">
        <v>1163</v>
      </c>
      <c r="C4" s="40" t="s">
        <v>1162</v>
      </c>
      <c r="D4" s="40"/>
      <c r="E4" s="41"/>
    </row>
    <row r="5" spans="1:5">
      <c r="A5" s="6"/>
      <c r="B5" s="8" t="s">
        <v>1164</v>
      </c>
      <c r="C5" s="42" t="s">
        <v>1176</v>
      </c>
      <c r="D5" s="42"/>
      <c r="E5" s="43"/>
    </row>
    <row r="6" spans="1:5">
      <c r="A6" s="6"/>
      <c r="B6" s="8" t="s">
        <v>1121</v>
      </c>
      <c r="C6" s="44" t="s">
        <v>1165</v>
      </c>
      <c r="D6" s="42"/>
      <c r="E6" s="43"/>
    </row>
    <row r="7" spans="1:5">
      <c r="A7" s="6"/>
      <c r="B7" s="9" t="s">
        <v>1122</v>
      </c>
      <c r="C7" s="10" t="s">
        <v>1166</v>
      </c>
      <c r="D7" s="10"/>
      <c r="E7" s="11"/>
    </row>
    <row r="8" spans="1:5">
      <c r="A8" s="6"/>
    </row>
    <row r="9" spans="1:5" s="12" customFormat="1" ht="19.5">
      <c r="B9" s="13" t="s">
        <v>1123</v>
      </c>
      <c r="C9" s="14" t="s">
        <v>1124</v>
      </c>
      <c r="D9" s="14" t="s">
        <v>1125</v>
      </c>
      <c r="E9" s="14" t="s">
        <v>1126</v>
      </c>
    </row>
    <row r="10" spans="1:5" s="12" customFormat="1" ht="58.5">
      <c r="B10" s="15" t="s">
        <v>1127</v>
      </c>
      <c r="C10" s="16" t="s">
        <v>1128</v>
      </c>
      <c r="D10" s="17" t="s">
        <v>1129</v>
      </c>
      <c r="E10" s="45" t="s">
        <v>1167</v>
      </c>
    </row>
    <row r="11" spans="1:5" s="12" customFormat="1" ht="19.5">
      <c r="B11" s="18" t="s">
        <v>1131</v>
      </c>
      <c r="C11" s="22" t="s">
        <v>1132</v>
      </c>
      <c r="D11" s="20" t="s">
        <v>1133</v>
      </c>
      <c r="E11" s="23"/>
    </row>
    <row r="12" spans="1:5" s="12" customFormat="1" ht="19.5">
      <c r="B12" s="24" t="s">
        <v>1</v>
      </c>
      <c r="C12" s="22" t="s">
        <v>1132</v>
      </c>
      <c r="D12" s="20" t="s">
        <v>1134</v>
      </c>
      <c r="E12" s="23"/>
    </row>
    <row r="13" spans="1:5" s="12" customFormat="1" ht="45" customHeight="1">
      <c r="B13" s="18" t="s">
        <v>2</v>
      </c>
      <c r="C13" s="22" t="s">
        <v>1135</v>
      </c>
      <c r="D13" s="20" t="s">
        <v>1136</v>
      </c>
      <c r="E13" s="46" t="s">
        <v>1168</v>
      </c>
    </row>
    <row r="14" spans="1:5" s="12" customFormat="1" ht="36" customHeight="1">
      <c r="B14" s="24" t="s">
        <v>3</v>
      </c>
      <c r="C14" s="22" t="s">
        <v>1135</v>
      </c>
      <c r="D14" s="20" t="s">
        <v>1137</v>
      </c>
      <c r="E14" s="46" t="s">
        <v>1168</v>
      </c>
    </row>
    <row r="15" spans="1:5" s="12" customFormat="1" ht="19.5">
      <c r="B15" s="24" t="s">
        <v>4</v>
      </c>
      <c r="C15" s="22" t="s">
        <v>1132</v>
      </c>
      <c r="D15" s="20" t="s">
        <v>1138</v>
      </c>
      <c r="E15" s="23" t="s">
        <v>1139</v>
      </c>
    </row>
    <row r="16" spans="1:5" s="12" customFormat="1" ht="49.15" customHeight="1">
      <c r="B16" s="24" t="s">
        <v>1140</v>
      </c>
      <c r="C16" s="22" t="s">
        <v>1132</v>
      </c>
      <c r="D16" s="47" t="s">
        <v>1169</v>
      </c>
      <c r="E16" s="46" t="s">
        <v>1170</v>
      </c>
    </row>
    <row r="17" spans="1:5" s="12" customFormat="1" ht="46.15" customHeight="1">
      <c r="B17" s="24" t="s">
        <v>1141</v>
      </c>
      <c r="C17" s="19" t="s">
        <v>1128</v>
      </c>
      <c r="D17" s="25" t="s">
        <v>1142</v>
      </c>
      <c r="E17" s="46" t="s">
        <v>1171</v>
      </c>
    </row>
    <row r="18" spans="1:5" s="12" customFormat="1" ht="48" customHeight="1">
      <c r="B18" s="24" t="s">
        <v>1143</v>
      </c>
      <c r="C18" s="22" t="s">
        <v>1130</v>
      </c>
      <c r="D18" s="20" t="s">
        <v>1144</v>
      </c>
      <c r="E18" s="46" t="s">
        <v>1172</v>
      </c>
    </row>
    <row r="19" spans="1:5" s="12" customFormat="1" ht="61.15" customHeight="1">
      <c r="B19" s="24" t="s">
        <v>1145</v>
      </c>
      <c r="C19" s="22" t="s">
        <v>1130</v>
      </c>
      <c r="D19" s="20" t="s">
        <v>1146</v>
      </c>
      <c r="E19" s="46" t="s">
        <v>1173</v>
      </c>
    </row>
    <row r="20" spans="1:5" s="12" customFormat="1" ht="78">
      <c r="B20" s="24" t="s">
        <v>1147</v>
      </c>
      <c r="C20" s="19" t="s">
        <v>1128</v>
      </c>
      <c r="D20" s="25" t="s">
        <v>1148</v>
      </c>
      <c r="E20" s="46" t="s">
        <v>1174</v>
      </c>
    </row>
    <row r="21" spans="1:5" s="12" customFormat="1" ht="78">
      <c r="B21" s="24" t="s">
        <v>1149</v>
      </c>
      <c r="C21" s="19" t="s">
        <v>1128</v>
      </c>
      <c r="D21" s="25" t="s">
        <v>1148</v>
      </c>
      <c r="E21" s="46" t="s">
        <v>1174</v>
      </c>
    </row>
    <row r="22" spans="1:5" s="12" customFormat="1" ht="78">
      <c r="B22" s="24" t="s">
        <v>1150</v>
      </c>
      <c r="C22" s="19" t="s">
        <v>1128</v>
      </c>
      <c r="D22" s="25" t="s">
        <v>1148</v>
      </c>
      <c r="E22" s="46" t="s">
        <v>1174</v>
      </c>
    </row>
    <row r="23" spans="1:5" s="12" customFormat="1" ht="78">
      <c r="B23" s="24" t="s">
        <v>1151</v>
      </c>
      <c r="C23" s="19" t="s">
        <v>1128</v>
      </c>
      <c r="D23" s="25" t="s">
        <v>1152</v>
      </c>
      <c r="E23" s="46" t="s">
        <v>1174</v>
      </c>
    </row>
    <row r="24" spans="1:5" s="12" customFormat="1" ht="78">
      <c r="B24" s="24" t="s">
        <v>1153</v>
      </c>
      <c r="C24" s="19" t="s">
        <v>1128</v>
      </c>
      <c r="D24" s="25" t="s">
        <v>1152</v>
      </c>
      <c r="E24" s="46" t="s">
        <v>1174</v>
      </c>
    </row>
    <row r="25" spans="1:5" s="12" customFormat="1" ht="78">
      <c r="B25" s="24" t="s">
        <v>1154</v>
      </c>
      <c r="C25" s="19" t="s">
        <v>1128</v>
      </c>
      <c r="D25" s="25" t="s">
        <v>1152</v>
      </c>
      <c r="E25" s="46" t="s">
        <v>1174</v>
      </c>
    </row>
    <row r="26" spans="1:5" s="12" customFormat="1" ht="78">
      <c r="B26" s="24" t="s">
        <v>1155</v>
      </c>
      <c r="C26" s="19" t="s">
        <v>1128</v>
      </c>
      <c r="D26" s="25" t="s">
        <v>1148</v>
      </c>
      <c r="E26" s="46" t="s">
        <v>1174</v>
      </c>
    </row>
    <row r="27" spans="1:5" s="12" customFormat="1" ht="78">
      <c r="B27" s="24" t="s">
        <v>1156</v>
      </c>
      <c r="C27" s="19" t="s">
        <v>1128</v>
      </c>
      <c r="D27" s="25" t="s">
        <v>1148</v>
      </c>
      <c r="E27" s="46" t="s">
        <v>1174</v>
      </c>
    </row>
    <row r="28" spans="1:5" s="12" customFormat="1" ht="19.5">
      <c r="B28" s="26" t="s">
        <v>1157</v>
      </c>
      <c r="C28" s="22" t="s">
        <v>1132</v>
      </c>
      <c r="D28" s="27">
        <v>837000</v>
      </c>
      <c r="E28" s="21"/>
    </row>
    <row r="29" spans="1:5" s="12" customFormat="1" ht="39">
      <c r="B29" s="28" t="s">
        <v>1126</v>
      </c>
      <c r="C29" s="29" t="s">
        <v>1132</v>
      </c>
      <c r="D29" s="30"/>
      <c r="E29" s="48" t="s">
        <v>1175</v>
      </c>
    </row>
    <row r="30" spans="1:5">
      <c r="B30" s="31"/>
      <c r="C30" s="32"/>
      <c r="D30" s="33"/>
      <c r="E30" s="34"/>
    </row>
    <row r="31" spans="1:5">
      <c r="B31" s="35"/>
    </row>
    <row r="32" spans="1:5">
      <c r="A32" s="36" t="s">
        <v>1158</v>
      </c>
    </row>
    <row r="33" spans="2:5" ht="231.75" customHeight="1">
      <c r="B33" s="50"/>
      <c r="C33" s="51"/>
      <c r="D33" s="51"/>
      <c r="E33" s="52"/>
    </row>
  </sheetData>
  <mergeCells count="1">
    <mergeCell ref="B33:E33"/>
  </mergeCells>
  <phoneticPr fontId="2"/>
  <hyperlinks>
    <hyperlink ref="C6" r:id="rId1"/>
  </hyperlinks>
  <pageMargins left="0.70866141732283472" right="0.70866141732283472" top="0.55118110236220474" bottom="0.55118110236220474" header="0.31496062992125984" footer="0.31496062992125984"/>
  <pageSetup paperSize="8" scale="80" orientation="landscape" horizontalDpi="300" verticalDpi="300" copies="4" r:id="rId2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X324"/>
  <sheetViews>
    <sheetView tabSelected="1" zoomScale="118" zoomScaleNormal="118" zoomScalePageLayoutView="70" workbookViewId="0">
      <pane xSplit="1" ySplit="1" topLeftCell="B96" activePane="bottomRight" state="frozen"/>
      <selection activeCell="A2" sqref="A2"/>
      <selection pane="topRight" activeCell="A2" sqref="A2"/>
      <selection pane="bottomLeft" activeCell="A2" sqref="A2"/>
      <selection pane="bottomRight" activeCell="B100" sqref="B100"/>
    </sheetView>
  </sheetViews>
  <sheetFormatPr defaultColWidth="8.875" defaultRowHeight="20.100000000000001" customHeight="1"/>
  <cols>
    <col min="1" max="1" width="12.875" style="1" customWidth="1"/>
    <col min="2" max="2" width="51.75" style="2" customWidth="1"/>
    <col min="3" max="3" width="45.5" style="1" customWidth="1"/>
    <col min="4" max="4" width="12.875" style="3" customWidth="1"/>
    <col min="5" max="5" width="12.625" style="3" customWidth="1"/>
    <col min="6" max="6" width="14.875" style="1" customWidth="1"/>
    <col min="7" max="7" width="12.875" style="1" customWidth="1"/>
    <col min="8" max="10" width="8.875" style="1" customWidth="1"/>
    <col min="11" max="18" width="5.875" style="2" customWidth="1"/>
    <col min="19" max="19" width="12.875" style="2" customWidth="1"/>
    <col min="20" max="20" width="68.25" style="2" customWidth="1"/>
    <col min="21" max="23" width="8.875" style="2"/>
    <col min="24" max="24" width="8.875" style="49"/>
    <col min="25" max="16384" width="8.875" style="2"/>
  </cols>
  <sheetData>
    <row r="1" spans="1:24" ht="30" customHeight="1">
      <c r="A1" s="37" t="s">
        <v>21</v>
      </c>
      <c r="B1" s="37" t="s">
        <v>0</v>
      </c>
      <c r="C1" s="37" t="s">
        <v>1</v>
      </c>
      <c r="D1" s="38" t="s">
        <v>2</v>
      </c>
      <c r="E1" s="38" t="s">
        <v>3</v>
      </c>
      <c r="F1" s="37" t="s">
        <v>4</v>
      </c>
      <c r="G1" s="37" t="s">
        <v>7</v>
      </c>
      <c r="H1" s="37" t="s">
        <v>18</v>
      </c>
      <c r="I1" s="37" t="s">
        <v>15</v>
      </c>
      <c r="J1" s="37" t="s">
        <v>8</v>
      </c>
      <c r="K1" s="39" t="s">
        <v>9</v>
      </c>
      <c r="L1" s="39" t="s">
        <v>10</v>
      </c>
      <c r="M1" s="39" t="s">
        <v>11</v>
      </c>
      <c r="N1" s="39" t="s">
        <v>19</v>
      </c>
      <c r="O1" s="39" t="s">
        <v>20</v>
      </c>
      <c r="P1" s="39" t="s">
        <v>12</v>
      </c>
      <c r="Q1" s="39" t="s">
        <v>13</v>
      </c>
      <c r="R1" s="39" t="s">
        <v>14</v>
      </c>
      <c r="S1" s="39" t="s">
        <v>5</v>
      </c>
      <c r="T1" s="39" t="s">
        <v>6</v>
      </c>
      <c r="U1"/>
      <c r="V1"/>
      <c r="W1"/>
      <c r="X1"/>
    </row>
    <row r="2" spans="1:24" ht="20.100000000000001" customHeight="1">
      <c r="A2" s="1" t="s">
        <v>22</v>
      </c>
      <c r="B2" s="2" t="s">
        <v>23</v>
      </c>
      <c r="C2" s="1" t="s">
        <v>1079</v>
      </c>
      <c r="D2" s="3">
        <v>36.690441999999997</v>
      </c>
      <c r="E2" s="3">
        <v>137.209585</v>
      </c>
      <c r="F2" s="1" t="s">
        <v>1264</v>
      </c>
      <c r="G2" s="1" t="s">
        <v>1265</v>
      </c>
      <c r="H2" s="1" t="s">
        <v>16</v>
      </c>
      <c r="I2" s="1" t="s">
        <v>24</v>
      </c>
      <c r="J2" s="1" t="s">
        <v>24</v>
      </c>
      <c r="K2" s="2">
        <v>0</v>
      </c>
      <c r="L2" s="2">
        <v>1</v>
      </c>
      <c r="M2" s="2">
        <v>0</v>
      </c>
      <c r="N2" s="2">
        <v>1</v>
      </c>
      <c r="O2" s="2">
        <v>0</v>
      </c>
      <c r="P2" s="2">
        <v>1</v>
      </c>
      <c r="Q2" s="2">
        <v>0</v>
      </c>
      <c r="R2" s="2">
        <v>0</v>
      </c>
      <c r="S2" s="2">
        <v>460</v>
      </c>
      <c r="U2"/>
      <c r="V2"/>
      <c r="W2"/>
      <c r="X2"/>
    </row>
    <row r="3" spans="1:24" ht="20.100000000000001" customHeight="1">
      <c r="A3" s="1" t="s">
        <v>1185</v>
      </c>
      <c r="B3" s="2" t="s">
        <v>1300</v>
      </c>
      <c r="C3" s="1" t="s">
        <v>788</v>
      </c>
      <c r="D3" s="3">
        <v>36.693392000000003</v>
      </c>
      <c r="E3" s="3">
        <v>137.21729500000001</v>
      </c>
      <c r="F3" s="1" t="s">
        <v>1264</v>
      </c>
      <c r="G3" s="1" t="s">
        <v>1265</v>
      </c>
      <c r="H3" s="1" t="s">
        <v>16</v>
      </c>
      <c r="I3" s="1" t="s">
        <v>24</v>
      </c>
      <c r="J3" s="1" t="s">
        <v>24</v>
      </c>
      <c r="K3" s="2" t="s">
        <v>1322</v>
      </c>
      <c r="L3" s="2">
        <v>1</v>
      </c>
      <c r="M3" s="2">
        <v>0</v>
      </c>
      <c r="N3" s="2">
        <v>1</v>
      </c>
      <c r="O3" s="2">
        <v>0</v>
      </c>
      <c r="P3" s="2">
        <v>1</v>
      </c>
      <c r="Q3" s="2">
        <v>0</v>
      </c>
      <c r="R3" s="2">
        <v>0</v>
      </c>
      <c r="S3" s="2">
        <v>410</v>
      </c>
      <c r="U3"/>
      <c r="V3"/>
      <c r="W3"/>
      <c r="X3"/>
    </row>
    <row r="4" spans="1:24" ht="20.100000000000001" customHeight="1">
      <c r="A4" s="1" t="s">
        <v>25</v>
      </c>
      <c r="B4" s="2" t="s">
        <v>26</v>
      </c>
      <c r="C4" s="1" t="s">
        <v>1080</v>
      </c>
      <c r="D4" s="3">
        <v>36.701220999999997</v>
      </c>
      <c r="E4" s="3">
        <v>137.20677000000001</v>
      </c>
      <c r="F4" s="1" t="s">
        <v>27</v>
      </c>
      <c r="G4" s="1" t="s">
        <v>1265</v>
      </c>
      <c r="H4" s="1" t="s">
        <v>16</v>
      </c>
      <c r="I4" s="1" t="s">
        <v>24</v>
      </c>
      <c r="J4" s="1" t="s">
        <v>24</v>
      </c>
      <c r="K4" s="2">
        <v>1</v>
      </c>
      <c r="L4" s="2">
        <v>1</v>
      </c>
      <c r="M4" s="2">
        <v>0</v>
      </c>
      <c r="N4" s="2">
        <v>1</v>
      </c>
      <c r="O4" s="2">
        <v>0</v>
      </c>
      <c r="P4" s="2">
        <v>1</v>
      </c>
      <c r="Q4" s="2">
        <v>0</v>
      </c>
      <c r="R4" s="2">
        <v>0</v>
      </c>
      <c r="S4" s="2">
        <v>370</v>
      </c>
      <c r="T4" s="2" t="s">
        <v>1160</v>
      </c>
      <c r="U4"/>
      <c r="V4"/>
      <c r="W4"/>
      <c r="X4"/>
    </row>
    <row r="5" spans="1:24" ht="20.100000000000001" customHeight="1">
      <c r="A5" s="1" t="s">
        <v>28</v>
      </c>
      <c r="B5" s="2" t="s">
        <v>29</v>
      </c>
      <c r="C5" s="1" t="s">
        <v>1081</v>
      </c>
      <c r="D5" s="3">
        <v>36.694606999999998</v>
      </c>
      <c r="E5" s="3">
        <v>137.223095</v>
      </c>
      <c r="F5" s="1" t="s">
        <v>30</v>
      </c>
      <c r="G5" s="1" t="s">
        <v>1265</v>
      </c>
      <c r="H5" s="1" t="s">
        <v>16</v>
      </c>
      <c r="I5" s="1" t="s">
        <v>24</v>
      </c>
      <c r="J5" s="1" t="s">
        <v>24</v>
      </c>
      <c r="K5" s="2">
        <v>1</v>
      </c>
      <c r="L5" s="2">
        <v>1</v>
      </c>
      <c r="M5" s="2">
        <v>0</v>
      </c>
      <c r="N5" s="2">
        <v>1</v>
      </c>
      <c r="O5" s="2">
        <v>0</v>
      </c>
      <c r="P5" s="2">
        <v>1</v>
      </c>
      <c r="Q5" s="2">
        <v>0</v>
      </c>
      <c r="R5" s="2">
        <v>0</v>
      </c>
      <c r="S5" s="2">
        <v>480</v>
      </c>
      <c r="T5" s="2" t="s">
        <v>1159</v>
      </c>
      <c r="U5"/>
      <c r="V5"/>
      <c r="W5"/>
      <c r="X5"/>
    </row>
    <row r="6" spans="1:24" ht="20.100000000000001" customHeight="1">
      <c r="A6" s="1" t="s">
        <v>31</v>
      </c>
      <c r="B6" s="2" t="s">
        <v>32</v>
      </c>
      <c r="C6" s="1" t="s">
        <v>1082</v>
      </c>
      <c r="D6" s="3">
        <v>36.685611999999999</v>
      </c>
      <c r="E6" s="3">
        <v>137.22402399999999</v>
      </c>
      <c r="F6" s="1" t="s">
        <v>1264</v>
      </c>
      <c r="G6" s="1" t="s">
        <v>1265</v>
      </c>
      <c r="H6" s="1" t="s">
        <v>16</v>
      </c>
      <c r="I6" s="1" t="s">
        <v>24</v>
      </c>
      <c r="J6" s="1" t="s">
        <v>24</v>
      </c>
      <c r="K6" s="2">
        <v>0</v>
      </c>
      <c r="L6" s="2">
        <v>1</v>
      </c>
      <c r="M6" s="2">
        <v>0</v>
      </c>
      <c r="N6" s="2">
        <v>1</v>
      </c>
      <c r="O6" s="2">
        <v>0</v>
      </c>
      <c r="P6" s="2">
        <v>1</v>
      </c>
      <c r="Q6" s="2">
        <v>0</v>
      </c>
      <c r="R6" s="2">
        <v>0</v>
      </c>
      <c r="S6" s="2">
        <v>460</v>
      </c>
      <c r="U6"/>
      <c r="V6"/>
      <c r="W6"/>
      <c r="X6"/>
    </row>
    <row r="7" spans="1:24" ht="20.100000000000001" customHeight="1">
      <c r="A7" s="1" t="s">
        <v>33</v>
      </c>
      <c r="B7" s="2" t="s">
        <v>34</v>
      </c>
      <c r="C7" s="1" t="s">
        <v>1083</v>
      </c>
      <c r="D7" s="3">
        <v>36.684584999999998</v>
      </c>
      <c r="E7" s="3">
        <v>137.212977</v>
      </c>
      <c r="F7" s="1" t="s">
        <v>1264</v>
      </c>
      <c r="G7" s="1" t="s">
        <v>1265</v>
      </c>
      <c r="H7" s="1" t="s">
        <v>16</v>
      </c>
      <c r="I7" s="1" t="s">
        <v>24</v>
      </c>
      <c r="J7" s="1" t="s">
        <v>24</v>
      </c>
      <c r="K7" s="2" t="s">
        <v>1183</v>
      </c>
      <c r="L7" s="2">
        <v>1</v>
      </c>
      <c r="M7" s="2">
        <v>0</v>
      </c>
      <c r="N7" s="2">
        <v>1</v>
      </c>
      <c r="O7" s="2">
        <v>0</v>
      </c>
      <c r="P7" s="2">
        <v>1</v>
      </c>
      <c r="Q7" s="2">
        <v>0</v>
      </c>
      <c r="R7" s="2">
        <v>0</v>
      </c>
      <c r="S7" s="2">
        <v>440</v>
      </c>
      <c r="U7"/>
      <c r="V7"/>
      <c r="W7"/>
      <c r="X7"/>
    </row>
    <row r="8" spans="1:24" ht="20.100000000000001" customHeight="1">
      <c r="A8" s="1" t="s">
        <v>35</v>
      </c>
      <c r="B8" s="2" t="s">
        <v>36</v>
      </c>
      <c r="C8" s="1" t="s">
        <v>1084</v>
      </c>
      <c r="D8" s="3">
        <v>36.686964000000003</v>
      </c>
      <c r="E8" s="3">
        <v>137.219482</v>
      </c>
      <c r="F8" s="1" t="s">
        <v>37</v>
      </c>
      <c r="G8" s="1" t="s">
        <v>1265</v>
      </c>
      <c r="H8" s="1" t="s">
        <v>16</v>
      </c>
      <c r="I8" s="1" t="s">
        <v>24</v>
      </c>
      <c r="J8" s="1" t="s">
        <v>24</v>
      </c>
      <c r="K8" s="2">
        <v>1</v>
      </c>
      <c r="L8" s="2">
        <v>1</v>
      </c>
      <c r="M8" s="2">
        <v>0</v>
      </c>
      <c r="N8" s="2">
        <v>1</v>
      </c>
      <c r="O8" s="2">
        <v>0</v>
      </c>
      <c r="P8" s="2">
        <v>1</v>
      </c>
      <c r="Q8" s="2">
        <v>0</v>
      </c>
      <c r="R8" s="2">
        <v>0</v>
      </c>
      <c r="S8" s="2">
        <v>500</v>
      </c>
      <c r="T8" s="2" t="s">
        <v>1159</v>
      </c>
      <c r="U8"/>
      <c r="V8"/>
      <c r="W8"/>
      <c r="X8"/>
    </row>
    <row r="9" spans="1:24" ht="20.100000000000001" customHeight="1">
      <c r="A9" s="1" t="s">
        <v>38</v>
      </c>
      <c r="B9" s="2" t="s">
        <v>39</v>
      </c>
      <c r="C9" s="1" t="s">
        <v>1085</v>
      </c>
      <c r="D9" s="3">
        <v>36.685099000000001</v>
      </c>
      <c r="E9" s="3">
        <v>137.20642000000001</v>
      </c>
      <c r="F9" s="1" t="s">
        <v>40</v>
      </c>
      <c r="G9" s="1" t="s">
        <v>1265</v>
      </c>
      <c r="H9" s="1" t="s">
        <v>16</v>
      </c>
      <c r="I9" s="1" t="s">
        <v>24</v>
      </c>
      <c r="J9" s="1" t="s">
        <v>24</v>
      </c>
      <c r="K9" s="2">
        <v>1</v>
      </c>
      <c r="L9" s="2">
        <v>1</v>
      </c>
      <c r="M9" s="2">
        <v>0</v>
      </c>
      <c r="N9" s="2">
        <v>1</v>
      </c>
      <c r="O9" s="2">
        <v>0</v>
      </c>
      <c r="P9" s="2">
        <v>1</v>
      </c>
      <c r="Q9" s="2">
        <v>0</v>
      </c>
      <c r="R9" s="2">
        <v>0</v>
      </c>
      <c r="S9" s="2">
        <v>510</v>
      </c>
      <c r="T9" s="2" t="s">
        <v>1159</v>
      </c>
      <c r="U9"/>
      <c r="V9"/>
      <c r="W9"/>
      <c r="X9"/>
    </row>
    <row r="10" spans="1:24" ht="20.100000000000001" customHeight="1">
      <c r="A10" s="1" t="s">
        <v>41</v>
      </c>
      <c r="B10" s="2" t="s">
        <v>42</v>
      </c>
      <c r="C10" s="1" t="s">
        <v>1086</v>
      </c>
      <c r="D10" s="3">
        <v>36.677019000000001</v>
      </c>
      <c r="E10" s="3">
        <v>137.22088500000001</v>
      </c>
      <c r="F10" s="1" t="s">
        <v>43</v>
      </c>
      <c r="G10" s="1" t="s">
        <v>1265</v>
      </c>
      <c r="H10" s="1" t="s">
        <v>16</v>
      </c>
      <c r="I10" s="1" t="s">
        <v>24</v>
      </c>
      <c r="J10" s="1" t="s">
        <v>24</v>
      </c>
      <c r="K10" s="2">
        <v>1</v>
      </c>
      <c r="L10" s="2">
        <v>1</v>
      </c>
      <c r="M10" s="2">
        <v>0</v>
      </c>
      <c r="N10" s="2">
        <v>1</v>
      </c>
      <c r="O10" s="2">
        <v>0</v>
      </c>
      <c r="P10" s="2">
        <v>1</v>
      </c>
      <c r="Q10" s="2">
        <v>0</v>
      </c>
      <c r="R10" s="2">
        <v>0</v>
      </c>
      <c r="S10" s="2">
        <v>510</v>
      </c>
      <c r="T10" s="2" t="s">
        <v>1159</v>
      </c>
      <c r="U10"/>
      <c r="V10"/>
      <c r="W10"/>
      <c r="X10"/>
    </row>
    <row r="11" spans="1:24" ht="20.100000000000001" customHeight="1">
      <c r="A11" s="1" t="s">
        <v>44</v>
      </c>
      <c r="B11" s="2" t="s">
        <v>45</v>
      </c>
      <c r="C11" s="1" t="s">
        <v>1087</v>
      </c>
      <c r="D11" s="3">
        <v>36.663665999999999</v>
      </c>
      <c r="E11" s="3">
        <v>137.230448</v>
      </c>
      <c r="F11" s="1" t="s">
        <v>46</v>
      </c>
      <c r="G11" s="1" t="s">
        <v>1265</v>
      </c>
      <c r="H11" s="1" t="s">
        <v>16</v>
      </c>
      <c r="I11" s="1" t="s">
        <v>24</v>
      </c>
      <c r="J11" s="1" t="s">
        <v>24</v>
      </c>
      <c r="K11" s="2">
        <v>1</v>
      </c>
      <c r="L11" s="2">
        <v>1</v>
      </c>
      <c r="M11" s="2">
        <v>0</v>
      </c>
      <c r="N11" s="2">
        <v>1</v>
      </c>
      <c r="O11" s="2">
        <v>0</v>
      </c>
      <c r="P11" s="2">
        <v>1</v>
      </c>
      <c r="Q11" s="2">
        <v>0</v>
      </c>
      <c r="R11" s="2">
        <v>0</v>
      </c>
      <c r="S11" s="2">
        <v>570</v>
      </c>
      <c r="T11" s="2" t="s">
        <v>1159</v>
      </c>
      <c r="U11"/>
      <c r="V11"/>
      <c r="W11"/>
      <c r="X11"/>
    </row>
    <row r="12" spans="1:24" ht="20.100000000000001" customHeight="1">
      <c r="A12" s="1" t="s">
        <v>47</v>
      </c>
      <c r="B12" s="2" t="s">
        <v>48</v>
      </c>
      <c r="C12" s="1" t="s">
        <v>1088</v>
      </c>
      <c r="D12" s="3">
        <v>36.673155000000001</v>
      </c>
      <c r="E12" s="3">
        <v>137.203756</v>
      </c>
      <c r="F12" s="1" t="s">
        <v>49</v>
      </c>
      <c r="G12" s="1" t="s">
        <v>1265</v>
      </c>
      <c r="H12" s="1" t="s">
        <v>16</v>
      </c>
      <c r="I12" s="1" t="s">
        <v>24</v>
      </c>
      <c r="J12" s="1" t="s">
        <v>24</v>
      </c>
      <c r="K12" s="2">
        <v>1</v>
      </c>
      <c r="L12" s="2">
        <v>1</v>
      </c>
      <c r="M12" s="2">
        <v>0</v>
      </c>
      <c r="N12" s="2">
        <v>1</v>
      </c>
      <c r="O12" s="2">
        <v>0</v>
      </c>
      <c r="P12" s="2">
        <v>1</v>
      </c>
      <c r="Q12" s="2">
        <v>0</v>
      </c>
      <c r="R12" s="2">
        <v>0</v>
      </c>
      <c r="S12" s="2">
        <v>530</v>
      </c>
      <c r="T12" s="2" t="s">
        <v>1159</v>
      </c>
      <c r="U12"/>
      <c r="V12"/>
      <c r="W12"/>
      <c r="X12"/>
    </row>
    <row r="13" spans="1:24" ht="20.100000000000001" customHeight="1">
      <c r="A13" s="1" t="s">
        <v>50</v>
      </c>
      <c r="B13" s="2" t="s">
        <v>51</v>
      </c>
      <c r="C13" s="1" t="s">
        <v>1089</v>
      </c>
      <c r="D13" s="3">
        <v>36.690390000000001</v>
      </c>
      <c r="E13" s="3">
        <v>137.235636</v>
      </c>
      <c r="F13" s="1" t="s">
        <v>52</v>
      </c>
      <c r="G13" s="1" t="s">
        <v>1265</v>
      </c>
      <c r="H13" s="1" t="s">
        <v>16</v>
      </c>
      <c r="I13" s="1" t="s">
        <v>24</v>
      </c>
      <c r="J13" s="1" t="s">
        <v>24</v>
      </c>
      <c r="K13" s="2">
        <v>1</v>
      </c>
      <c r="L13" s="2">
        <v>1</v>
      </c>
      <c r="M13" s="2">
        <v>0</v>
      </c>
      <c r="N13" s="2">
        <v>1</v>
      </c>
      <c r="O13" s="2">
        <v>0</v>
      </c>
      <c r="P13" s="2">
        <v>1</v>
      </c>
      <c r="Q13" s="2">
        <v>0</v>
      </c>
      <c r="R13" s="2">
        <v>0</v>
      </c>
      <c r="S13" s="2" t="s">
        <v>1101</v>
      </c>
      <c r="T13" s="2" t="s">
        <v>1159</v>
      </c>
      <c r="U13"/>
      <c r="V13"/>
      <c r="W13"/>
      <c r="X13"/>
    </row>
    <row r="14" spans="1:24" ht="20.100000000000001" customHeight="1">
      <c r="A14" s="1" t="s">
        <v>53</v>
      </c>
      <c r="B14" s="2" t="s">
        <v>54</v>
      </c>
      <c r="C14" s="1" t="s">
        <v>1090</v>
      </c>
      <c r="D14" s="3">
        <v>36.708122000000003</v>
      </c>
      <c r="E14" s="3">
        <v>137.22115500000001</v>
      </c>
      <c r="F14" s="1" t="s">
        <v>55</v>
      </c>
      <c r="G14" s="1" t="s">
        <v>1265</v>
      </c>
      <c r="H14" s="1" t="s">
        <v>16</v>
      </c>
      <c r="I14" s="1" t="s">
        <v>24</v>
      </c>
      <c r="J14" s="1" t="s">
        <v>24</v>
      </c>
      <c r="K14" s="2">
        <v>1</v>
      </c>
      <c r="L14" s="2">
        <v>1</v>
      </c>
      <c r="M14" s="2">
        <v>0</v>
      </c>
      <c r="N14" s="2">
        <v>1</v>
      </c>
      <c r="O14" s="2">
        <v>0</v>
      </c>
      <c r="P14" s="2">
        <v>1</v>
      </c>
      <c r="Q14" s="2">
        <v>0</v>
      </c>
      <c r="R14" s="2">
        <v>0</v>
      </c>
      <c r="S14" s="2">
        <v>590</v>
      </c>
      <c r="T14" s="2" t="s">
        <v>1159</v>
      </c>
      <c r="U14"/>
      <c r="V14"/>
      <c r="W14"/>
      <c r="X14"/>
    </row>
    <row r="15" spans="1:24" ht="20.100000000000001" customHeight="1">
      <c r="A15" s="1" t="s">
        <v>56</v>
      </c>
      <c r="B15" s="2" t="s">
        <v>57</v>
      </c>
      <c r="C15" s="1" t="s">
        <v>1091</v>
      </c>
      <c r="D15" s="3">
        <v>36.719318000000001</v>
      </c>
      <c r="E15" s="3">
        <v>137.22061099999999</v>
      </c>
      <c r="F15" s="1" t="s">
        <v>58</v>
      </c>
      <c r="G15" s="1" t="s">
        <v>1265</v>
      </c>
      <c r="H15" s="1" t="s">
        <v>16</v>
      </c>
      <c r="I15" s="1" t="s">
        <v>24</v>
      </c>
      <c r="J15" s="1" t="s">
        <v>24</v>
      </c>
      <c r="K15" s="2">
        <v>1</v>
      </c>
      <c r="L15" s="2">
        <v>1</v>
      </c>
      <c r="M15" s="2">
        <v>0</v>
      </c>
      <c r="N15" s="2">
        <v>1</v>
      </c>
      <c r="O15" s="2">
        <v>0</v>
      </c>
      <c r="P15" s="2">
        <v>1</v>
      </c>
      <c r="Q15" s="2">
        <v>0</v>
      </c>
      <c r="R15" s="2">
        <v>0</v>
      </c>
      <c r="S15" s="2">
        <v>520</v>
      </c>
      <c r="T15" s="2" t="s">
        <v>1160</v>
      </c>
      <c r="U15"/>
      <c r="V15"/>
      <c r="W15"/>
      <c r="X15"/>
    </row>
    <row r="16" spans="1:24" ht="20.100000000000001" customHeight="1">
      <c r="A16" s="1" t="s">
        <v>59</v>
      </c>
      <c r="B16" s="2" t="s">
        <v>60</v>
      </c>
      <c r="C16" s="1" t="s">
        <v>921</v>
      </c>
      <c r="D16" s="3">
        <v>36.708278999999997</v>
      </c>
      <c r="E16" s="3">
        <v>137.19907699999999</v>
      </c>
      <c r="F16" s="1" t="s">
        <v>61</v>
      </c>
      <c r="G16" s="1" t="s">
        <v>1265</v>
      </c>
      <c r="H16" s="1" t="s">
        <v>16</v>
      </c>
      <c r="I16" s="1" t="s">
        <v>24</v>
      </c>
      <c r="J16" s="1" t="s">
        <v>24</v>
      </c>
      <c r="K16" s="2">
        <v>1</v>
      </c>
      <c r="L16" s="2">
        <v>1</v>
      </c>
      <c r="M16" s="2">
        <v>0</v>
      </c>
      <c r="N16" s="2">
        <v>1</v>
      </c>
      <c r="O16" s="2">
        <v>0</v>
      </c>
      <c r="P16" s="2">
        <v>1</v>
      </c>
      <c r="Q16" s="2">
        <v>0</v>
      </c>
      <c r="R16" s="2">
        <v>0</v>
      </c>
      <c r="S16" s="2">
        <v>480</v>
      </c>
      <c r="T16" s="2" t="s">
        <v>1159</v>
      </c>
      <c r="U16"/>
      <c r="V16"/>
      <c r="W16"/>
      <c r="X16"/>
    </row>
    <row r="17" spans="1:24" ht="20.100000000000001" customHeight="1">
      <c r="A17" s="1" t="s">
        <v>62</v>
      </c>
      <c r="B17" s="2" t="s">
        <v>63</v>
      </c>
      <c r="C17" s="1" t="s">
        <v>1092</v>
      </c>
      <c r="D17" s="3">
        <v>36.702280289999997</v>
      </c>
      <c r="E17" s="3">
        <v>137.18458200000001</v>
      </c>
      <c r="F17" s="1" t="s">
        <v>64</v>
      </c>
      <c r="G17" s="1" t="s">
        <v>1265</v>
      </c>
      <c r="H17" s="1" t="s">
        <v>16</v>
      </c>
      <c r="I17" s="1" t="s">
        <v>24</v>
      </c>
      <c r="J17" s="1" t="s">
        <v>24</v>
      </c>
      <c r="K17" s="2">
        <v>1</v>
      </c>
      <c r="L17" s="2">
        <v>1</v>
      </c>
      <c r="M17" s="2">
        <v>0</v>
      </c>
      <c r="N17" s="2">
        <v>1</v>
      </c>
      <c r="O17" s="2">
        <v>0</v>
      </c>
      <c r="P17" s="2">
        <v>1</v>
      </c>
      <c r="Q17" s="2">
        <v>0</v>
      </c>
      <c r="R17" s="2">
        <v>0</v>
      </c>
      <c r="S17" s="2">
        <v>480</v>
      </c>
      <c r="T17" s="2" t="s">
        <v>1159</v>
      </c>
      <c r="U17"/>
      <c r="V17"/>
      <c r="W17"/>
      <c r="X17"/>
    </row>
    <row r="18" spans="1:24" ht="20.100000000000001" customHeight="1">
      <c r="A18" s="1" t="s">
        <v>65</v>
      </c>
      <c r="B18" s="2" t="s">
        <v>66</v>
      </c>
      <c r="C18" s="1" t="s">
        <v>1093</v>
      </c>
      <c r="D18" s="3">
        <v>36.686200999999997</v>
      </c>
      <c r="E18" s="3">
        <v>137.18455800000001</v>
      </c>
      <c r="F18" s="1" t="s">
        <v>67</v>
      </c>
      <c r="G18" s="1" t="s">
        <v>1265</v>
      </c>
      <c r="H18" s="1" t="s">
        <v>16</v>
      </c>
      <c r="I18" s="1" t="s">
        <v>24</v>
      </c>
      <c r="J18" s="1" t="s">
        <v>24</v>
      </c>
      <c r="K18" s="2">
        <v>1</v>
      </c>
      <c r="L18" s="2">
        <v>1</v>
      </c>
      <c r="M18" s="2">
        <v>0</v>
      </c>
      <c r="N18" s="2">
        <v>1</v>
      </c>
      <c r="O18" s="2">
        <v>0</v>
      </c>
      <c r="P18" s="2">
        <v>1</v>
      </c>
      <c r="Q18" s="2">
        <v>0</v>
      </c>
      <c r="R18" s="2">
        <v>0</v>
      </c>
      <c r="S18" s="2">
        <v>500</v>
      </c>
      <c r="T18" s="2" t="s">
        <v>1160</v>
      </c>
      <c r="U18"/>
      <c r="V18"/>
      <c r="W18"/>
      <c r="X18"/>
    </row>
    <row r="19" spans="1:24" ht="20.100000000000001" customHeight="1">
      <c r="A19" s="1" t="s">
        <v>68</v>
      </c>
      <c r="B19" s="2" t="s">
        <v>69</v>
      </c>
      <c r="C19" s="1" t="s">
        <v>70</v>
      </c>
      <c r="D19" s="3">
        <v>36.754199450000002</v>
      </c>
      <c r="E19" s="3">
        <v>137.2305934</v>
      </c>
      <c r="F19" s="1" t="s">
        <v>71</v>
      </c>
      <c r="G19" s="1" t="s">
        <v>1265</v>
      </c>
      <c r="H19" s="1" t="s">
        <v>16</v>
      </c>
      <c r="I19" s="1" t="s">
        <v>24</v>
      </c>
      <c r="J19" s="1" t="s">
        <v>24</v>
      </c>
      <c r="K19" s="2">
        <v>1</v>
      </c>
      <c r="L19" s="2">
        <v>1</v>
      </c>
      <c r="M19" s="2">
        <v>0</v>
      </c>
      <c r="N19" s="2">
        <v>1</v>
      </c>
      <c r="O19" s="2">
        <v>1</v>
      </c>
      <c r="P19" s="2">
        <v>1</v>
      </c>
      <c r="Q19" s="2">
        <v>0</v>
      </c>
      <c r="R19" s="2">
        <v>0</v>
      </c>
      <c r="S19" s="2">
        <v>440</v>
      </c>
      <c r="T19" s="2" t="s">
        <v>1159</v>
      </c>
      <c r="U19"/>
      <c r="V19"/>
      <c r="W19"/>
      <c r="X19"/>
    </row>
    <row r="20" spans="1:24" ht="20.100000000000001" customHeight="1">
      <c r="A20" s="1" t="s">
        <v>72</v>
      </c>
      <c r="B20" s="2" t="s">
        <v>73</v>
      </c>
      <c r="C20" s="1" t="s">
        <v>74</v>
      </c>
      <c r="D20" s="3">
        <v>36.746429999999997</v>
      </c>
      <c r="E20" s="3">
        <v>137.229759</v>
      </c>
      <c r="F20" s="1" t="s">
        <v>75</v>
      </c>
      <c r="G20" s="1" t="s">
        <v>1265</v>
      </c>
      <c r="H20" s="1" t="s">
        <v>16</v>
      </c>
      <c r="I20" s="1" t="s">
        <v>24</v>
      </c>
      <c r="J20" s="1" t="s">
        <v>24</v>
      </c>
      <c r="K20" s="2">
        <v>1</v>
      </c>
      <c r="L20" s="2">
        <v>1</v>
      </c>
      <c r="M20" s="2">
        <v>0</v>
      </c>
      <c r="N20" s="2">
        <v>1</v>
      </c>
      <c r="O20" s="2" t="s">
        <v>1182</v>
      </c>
      <c r="P20" s="2">
        <v>1</v>
      </c>
      <c r="Q20" s="2">
        <v>0</v>
      </c>
      <c r="R20" s="2">
        <v>0</v>
      </c>
      <c r="S20" s="2">
        <v>490</v>
      </c>
      <c r="T20" s="2" t="s">
        <v>1159</v>
      </c>
      <c r="U20"/>
      <c r="V20"/>
      <c r="W20"/>
      <c r="X20"/>
    </row>
    <row r="21" spans="1:24" ht="20.100000000000001" customHeight="1">
      <c r="A21" s="1" t="s">
        <v>76</v>
      </c>
      <c r="B21" s="2" t="s">
        <v>77</v>
      </c>
      <c r="C21" s="1" t="s">
        <v>78</v>
      </c>
      <c r="D21" s="3">
        <v>36.754252000000001</v>
      </c>
      <c r="E21" s="3">
        <v>137.25284600000001</v>
      </c>
      <c r="F21" s="1" t="s">
        <v>79</v>
      </c>
      <c r="G21" s="1" t="s">
        <v>1265</v>
      </c>
      <c r="H21" s="1" t="s">
        <v>16</v>
      </c>
      <c r="I21" s="1" t="s">
        <v>24</v>
      </c>
      <c r="J21" s="1" t="s">
        <v>24</v>
      </c>
      <c r="K21" s="2">
        <v>1</v>
      </c>
      <c r="L21" s="2">
        <v>1</v>
      </c>
      <c r="M21" s="2">
        <v>0</v>
      </c>
      <c r="N21" s="2">
        <v>1</v>
      </c>
      <c r="O21" s="2" t="s">
        <v>1182</v>
      </c>
      <c r="P21" s="2">
        <v>1</v>
      </c>
      <c r="Q21" s="2">
        <v>0</v>
      </c>
      <c r="R21" s="2">
        <v>0</v>
      </c>
      <c r="S21" s="2">
        <v>540</v>
      </c>
      <c r="U21"/>
      <c r="V21"/>
      <c r="W21"/>
      <c r="X21"/>
    </row>
    <row r="22" spans="1:24" ht="20.100000000000001" customHeight="1">
      <c r="A22" s="1" t="s">
        <v>80</v>
      </c>
      <c r="B22" s="2" t="s">
        <v>81</v>
      </c>
      <c r="C22" s="1" t="s">
        <v>82</v>
      </c>
      <c r="D22" s="3">
        <v>36.758384720000002</v>
      </c>
      <c r="E22" s="3">
        <v>137.2785796</v>
      </c>
      <c r="F22" s="1" t="s">
        <v>83</v>
      </c>
      <c r="G22" s="1" t="s">
        <v>1265</v>
      </c>
      <c r="H22" s="1" t="s">
        <v>16</v>
      </c>
      <c r="I22" s="1" t="s">
        <v>24</v>
      </c>
      <c r="J22" s="1" t="s">
        <v>24</v>
      </c>
      <c r="K22" s="2">
        <v>1</v>
      </c>
      <c r="L22" s="2">
        <v>1</v>
      </c>
      <c r="M22" s="2">
        <v>0</v>
      </c>
      <c r="N22" s="2">
        <v>1</v>
      </c>
      <c r="O22" s="2">
        <v>1</v>
      </c>
      <c r="P22" s="2">
        <v>1</v>
      </c>
      <c r="Q22" s="2">
        <v>0</v>
      </c>
      <c r="R22" s="2">
        <v>0</v>
      </c>
      <c r="S22" s="2">
        <v>390</v>
      </c>
      <c r="T22" s="2" t="s">
        <v>1159</v>
      </c>
      <c r="U22"/>
      <c r="V22"/>
      <c r="W22"/>
      <c r="X22"/>
    </row>
    <row r="23" spans="1:24" ht="20.100000000000001" customHeight="1">
      <c r="A23" s="1" t="s">
        <v>84</v>
      </c>
      <c r="B23" s="2" t="s">
        <v>85</v>
      </c>
      <c r="C23" s="1" t="s">
        <v>86</v>
      </c>
      <c r="D23" s="3">
        <v>36.729686000000001</v>
      </c>
      <c r="E23" s="3">
        <v>137.26770200000001</v>
      </c>
      <c r="F23" s="1" t="s">
        <v>87</v>
      </c>
      <c r="G23" s="1" t="s">
        <v>1265</v>
      </c>
      <c r="H23" s="1" t="s">
        <v>16</v>
      </c>
      <c r="I23" s="1" t="s">
        <v>24</v>
      </c>
      <c r="J23" s="1" t="s">
        <v>24</v>
      </c>
      <c r="K23" s="2">
        <v>1</v>
      </c>
      <c r="L23" s="2">
        <v>1</v>
      </c>
      <c r="M23" s="2">
        <v>0</v>
      </c>
      <c r="N23" s="2">
        <v>1</v>
      </c>
      <c r="O23" s="2">
        <v>0</v>
      </c>
      <c r="P23" s="2">
        <v>1</v>
      </c>
      <c r="Q23" s="2">
        <v>0</v>
      </c>
      <c r="R23" s="2">
        <v>0</v>
      </c>
      <c r="S23" s="2">
        <v>490</v>
      </c>
      <c r="T23" s="2" t="s">
        <v>1159</v>
      </c>
      <c r="U23"/>
      <c r="V23"/>
      <c r="W23"/>
      <c r="X23"/>
    </row>
    <row r="24" spans="1:24" ht="20.100000000000001" customHeight="1">
      <c r="A24" s="1" t="s">
        <v>88</v>
      </c>
      <c r="B24" s="2" t="s">
        <v>89</v>
      </c>
      <c r="C24" s="1" t="s">
        <v>90</v>
      </c>
      <c r="D24" s="3">
        <v>36.697035</v>
      </c>
      <c r="E24" s="3">
        <v>137.204354</v>
      </c>
      <c r="F24" s="1" t="s">
        <v>91</v>
      </c>
      <c r="G24" s="1" t="s">
        <v>1265</v>
      </c>
      <c r="H24" s="1" t="s">
        <v>16</v>
      </c>
      <c r="I24" s="1" t="s">
        <v>24</v>
      </c>
      <c r="J24" s="1" t="s">
        <v>24</v>
      </c>
      <c r="K24" s="2">
        <v>1</v>
      </c>
      <c r="L24" s="2">
        <v>1</v>
      </c>
      <c r="M24" s="2">
        <v>0</v>
      </c>
      <c r="N24" s="2">
        <v>1</v>
      </c>
      <c r="O24" s="2">
        <v>0</v>
      </c>
      <c r="P24" s="2">
        <v>1</v>
      </c>
      <c r="Q24" s="2">
        <v>0</v>
      </c>
      <c r="R24" s="2">
        <v>0</v>
      </c>
      <c r="S24" s="2">
        <v>620</v>
      </c>
      <c r="T24" s="2" t="s">
        <v>1160</v>
      </c>
      <c r="U24"/>
      <c r="V24"/>
      <c r="W24"/>
      <c r="X24"/>
    </row>
    <row r="25" spans="1:24" ht="20.100000000000001" customHeight="1">
      <c r="A25" s="1" t="s">
        <v>92</v>
      </c>
      <c r="B25" s="2" t="s">
        <v>93</v>
      </c>
      <c r="C25" s="1" t="s">
        <v>94</v>
      </c>
      <c r="D25" s="3">
        <v>36.729920999999997</v>
      </c>
      <c r="E25" s="3">
        <v>137.24208899999999</v>
      </c>
      <c r="F25" s="1" t="s">
        <v>95</v>
      </c>
      <c r="G25" s="1" t="s">
        <v>1265</v>
      </c>
      <c r="H25" s="1" t="s">
        <v>16</v>
      </c>
      <c r="I25" s="1" t="s">
        <v>24</v>
      </c>
      <c r="J25" s="1" t="s">
        <v>24</v>
      </c>
      <c r="K25" s="2">
        <v>1</v>
      </c>
      <c r="L25" s="2">
        <v>1</v>
      </c>
      <c r="M25" s="2">
        <v>0</v>
      </c>
      <c r="N25" s="2">
        <v>1</v>
      </c>
      <c r="O25" s="2">
        <v>0</v>
      </c>
      <c r="P25" s="2">
        <v>1</v>
      </c>
      <c r="Q25" s="2">
        <v>0</v>
      </c>
      <c r="R25" s="2">
        <v>0</v>
      </c>
      <c r="S25" s="2">
        <v>690</v>
      </c>
      <c r="U25"/>
      <c r="V25"/>
      <c r="W25"/>
      <c r="X25"/>
    </row>
    <row r="26" spans="1:24" ht="20.100000000000001" customHeight="1">
      <c r="A26" s="1" t="s">
        <v>96</v>
      </c>
      <c r="B26" s="2" t="s">
        <v>97</v>
      </c>
      <c r="C26" s="1" t="s">
        <v>98</v>
      </c>
      <c r="D26" s="3">
        <v>36.713521999999998</v>
      </c>
      <c r="E26" s="3">
        <v>137.24698900000001</v>
      </c>
      <c r="F26" s="1" t="s">
        <v>99</v>
      </c>
      <c r="G26" s="1" t="s">
        <v>1265</v>
      </c>
      <c r="H26" s="1" t="s">
        <v>16</v>
      </c>
      <c r="I26" s="1" t="s">
        <v>24</v>
      </c>
      <c r="J26" s="1" t="s">
        <v>24</v>
      </c>
      <c r="K26" s="2">
        <v>1</v>
      </c>
      <c r="L26" s="2">
        <v>1</v>
      </c>
      <c r="M26" s="2">
        <v>0</v>
      </c>
      <c r="N26" s="2">
        <v>1</v>
      </c>
      <c r="O26" s="2">
        <v>0</v>
      </c>
      <c r="P26" s="2">
        <v>1</v>
      </c>
      <c r="Q26" s="2">
        <v>0</v>
      </c>
      <c r="R26" s="2">
        <v>0</v>
      </c>
      <c r="S26" s="2">
        <v>520</v>
      </c>
      <c r="U26"/>
      <c r="V26"/>
      <c r="W26"/>
      <c r="X26"/>
    </row>
    <row r="27" spans="1:24" ht="20.100000000000001" customHeight="1">
      <c r="A27" s="1" t="s">
        <v>100</v>
      </c>
      <c r="B27" s="2" t="s">
        <v>101</v>
      </c>
      <c r="C27" s="1" t="s">
        <v>102</v>
      </c>
      <c r="D27" s="3">
        <v>36.702114999999999</v>
      </c>
      <c r="E27" s="3">
        <v>137.251822</v>
      </c>
      <c r="F27" s="1" t="s">
        <v>103</v>
      </c>
      <c r="G27" s="1" t="s">
        <v>1265</v>
      </c>
      <c r="H27" s="1" t="s">
        <v>16</v>
      </c>
      <c r="I27" s="1" t="s">
        <v>24</v>
      </c>
      <c r="J27" s="1" t="s">
        <v>24</v>
      </c>
      <c r="K27" s="2">
        <v>1</v>
      </c>
      <c r="L27" s="2">
        <v>1</v>
      </c>
      <c r="M27" s="2">
        <v>0</v>
      </c>
      <c r="N27" s="2">
        <v>1</v>
      </c>
      <c r="O27" s="2">
        <v>0</v>
      </c>
      <c r="P27" s="2">
        <v>1</v>
      </c>
      <c r="Q27" s="2">
        <v>0</v>
      </c>
      <c r="R27" s="2">
        <v>0</v>
      </c>
      <c r="S27" s="2" t="s">
        <v>1102</v>
      </c>
      <c r="U27"/>
      <c r="V27"/>
      <c r="W27"/>
      <c r="X27"/>
    </row>
    <row r="28" spans="1:24" ht="20.100000000000001" customHeight="1">
      <c r="A28" s="1" t="s">
        <v>104</v>
      </c>
      <c r="B28" s="2" t="s">
        <v>105</v>
      </c>
      <c r="C28" s="1" t="s">
        <v>106</v>
      </c>
      <c r="D28" s="3">
        <v>36.711098</v>
      </c>
      <c r="E28" s="3">
        <v>137.26298</v>
      </c>
      <c r="F28" s="1" t="s">
        <v>107</v>
      </c>
      <c r="G28" s="1" t="s">
        <v>1265</v>
      </c>
      <c r="H28" s="1" t="s">
        <v>16</v>
      </c>
      <c r="I28" s="1" t="s">
        <v>24</v>
      </c>
      <c r="J28" s="1" t="s">
        <v>24</v>
      </c>
      <c r="K28" s="2">
        <v>1</v>
      </c>
      <c r="L28" s="2">
        <v>1</v>
      </c>
      <c r="M28" s="2">
        <v>0</v>
      </c>
      <c r="N28" s="2">
        <v>1</v>
      </c>
      <c r="O28" s="2">
        <v>0</v>
      </c>
      <c r="P28" s="2">
        <v>1</v>
      </c>
      <c r="Q28" s="2">
        <v>0</v>
      </c>
      <c r="R28" s="2">
        <v>0</v>
      </c>
      <c r="S28" s="2">
        <v>460</v>
      </c>
      <c r="T28" s="2" t="s">
        <v>1159</v>
      </c>
      <c r="U28"/>
      <c r="V28"/>
      <c r="W28"/>
      <c r="X28"/>
    </row>
    <row r="29" spans="1:24" ht="20.100000000000001" customHeight="1">
      <c r="A29" s="1" t="s">
        <v>108</v>
      </c>
      <c r="B29" s="2" t="s">
        <v>109</v>
      </c>
      <c r="C29" s="1" t="s">
        <v>110</v>
      </c>
      <c r="D29" s="3">
        <v>36.686872999999999</v>
      </c>
      <c r="E29" s="3">
        <v>137.26814999999999</v>
      </c>
      <c r="F29" s="1" t="s">
        <v>111</v>
      </c>
      <c r="G29" s="1" t="s">
        <v>1265</v>
      </c>
      <c r="H29" s="1" t="s">
        <v>16</v>
      </c>
      <c r="I29" s="1" t="s">
        <v>24</v>
      </c>
      <c r="J29" s="1" t="s">
        <v>24</v>
      </c>
      <c r="K29" s="2">
        <v>1</v>
      </c>
      <c r="L29" s="2">
        <v>1</v>
      </c>
      <c r="M29" s="2">
        <v>0</v>
      </c>
      <c r="N29" s="2">
        <v>1</v>
      </c>
      <c r="O29" s="2">
        <v>0</v>
      </c>
      <c r="P29" s="2">
        <v>1</v>
      </c>
      <c r="Q29" s="2">
        <v>0</v>
      </c>
      <c r="R29" s="2">
        <v>0</v>
      </c>
      <c r="S29" s="2">
        <v>510</v>
      </c>
      <c r="T29" s="2" t="s">
        <v>1159</v>
      </c>
      <c r="U29"/>
      <c r="V29"/>
      <c r="W29"/>
      <c r="X29"/>
    </row>
    <row r="30" spans="1:24" ht="20.100000000000001" customHeight="1">
      <c r="A30" s="1" t="s">
        <v>112</v>
      </c>
      <c r="B30" s="2" t="s">
        <v>113</v>
      </c>
      <c r="C30" s="1" t="s">
        <v>114</v>
      </c>
      <c r="D30" s="3">
        <v>36.678745999999997</v>
      </c>
      <c r="E30" s="3">
        <v>137.24012500000001</v>
      </c>
      <c r="F30" s="1" t="s">
        <v>115</v>
      </c>
      <c r="G30" s="1" t="s">
        <v>1265</v>
      </c>
      <c r="H30" s="1" t="s">
        <v>16</v>
      </c>
      <c r="I30" s="1" t="s">
        <v>24</v>
      </c>
      <c r="J30" s="1" t="s">
        <v>24</v>
      </c>
      <c r="K30" s="2">
        <v>1</v>
      </c>
      <c r="L30" s="2">
        <v>1</v>
      </c>
      <c r="M30" s="2">
        <v>0</v>
      </c>
      <c r="N30" s="2">
        <v>1</v>
      </c>
      <c r="O30" s="2">
        <v>0</v>
      </c>
      <c r="P30" s="2">
        <v>1</v>
      </c>
      <c r="Q30" s="2">
        <v>0</v>
      </c>
      <c r="R30" s="2">
        <v>0</v>
      </c>
      <c r="S30" s="2">
        <v>580</v>
      </c>
      <c r="T30" s="2" t="s">
        <v>1159</v>
      </c>
      <c r="U30"/>
      <c r="V30"/>
      <c r="W30"/>
      <c r="X30"/>
    </row>
    <row r="31" spans="1:24" ht="20.100000000000001" customHeight="1">
      <c r="A31" s="1" t="s">
        <v>116</v>
      </c>
      <c r="B31" s="2" t="s">
        <v>117</v>
      </c>
      <c r="C31" s="1" t="s">
        <v>118</v>
      </c>
      <c r="D31" s="3">
        <v>36.671849999999999</v>
      </c>
      <c r="E31" s="3">
        <v>137.253602</v>
      </c>
      <c r="F31" s="1" t="s">
        <v>119</v>
      </c>
      <c r="G31" s="1" t="s">
        <v>1265</v>
      </c>
      <c r="H31" s="1" t="s">
        <v>16</v>
      </c>
      <c r="I31" s="1" t="s">
        <v>24</v>
      </c>
      <c r="J31" s="1" t="s">
        <v>24</v>
      </c>
      <c r="K31" s="2">
        <v>1</v>
      </c>
      <c r="L31" s="2">
        <v>1</v>
      </c>
      <c r="M31" s="2">
        <v>0</v>
      </c>
      <c r="N31" s="2">
        <v>1</v>
      </c>
      <c r="O31" s="2">
        <v>0</v>
      </c>
      <c r="P31" s="2">
        <v>1</v>
      </c>
      <c r="Q31" s="2">
        <v>0</v>
      </c>
      <c r="R31" s="2">
        <v>0</v>
      </c>
      <c r="S31" s="2">
        <v>620</v>
      </c>
      <c r="T31" s="2" t="s">
        <v>1159</v>
      </c>
      <c r="U31"/>
      <c r="V31"/>
      <c r="W31"/>
      <c r="X31"/>
    </row>
    <row r="32" spans="1:24" ht="20.100000000000001" customHeight="1">
      <c r="A32" s="1" t="s">
        <v>120</v>
      </c>
      <c r="B32" s="2" t="s">
        <v>121</v>
      </c>
      <c r="C32" s="1" t="s">
        <v>122</v>
      </c>
      <c r="D32" s="3">
        <v>36.653770999999999</v>
      </c>
      <c r="E32" s="3">
        <v>137.25094999999999</v>
      </c>
      <c r="F32" s="1" t="s">
        <v>123</v>
      </c>
      <c r="G32" s="1" t="s">
        <v>1265</v>
      </c>
      <c r="H32" s="1" t="s">
        <v>16</v>
      </c>
      <c r="I32" s="1" t="s">
        <v>24</v>
      </c>
      <c r="J32" s="1" t="s">
        <v>24</v>
      </c>
      <c r="K32" s="2">
        <v>1</v>
      </c>
      <c r="L32" s="2">
        <v>1</v>
      </c>
      <c r="M32" s="2">
        <v>0</v>
      </c>
      <c r="N32" s="2">
        <v>1</v>
      </c>
      <c r="O32" s="2">
        <v>0</v>
      </c>
      <c r="P32" s="2">
        <v>1</v>
      </c>
      <c r="Q32" s="2">
        <v>0</v>
      </c>
      <c r="R32" s="2">
        <v>0</v>
      </c>
      <c r="S32" s="2">
        <v>440</v>
      </c>
      <c r="T32" s="2" t="s">
        <v>1159</v>
      </c>
      <c r="U32"/>
      <c r="V32"/>
      <c r="W32"/>
      <c r="X32"/>
    </row>
    <row r="33" spans="1:24" ht="20.100000000000001" customHeight="1">
      <c r="A33" s="1" t="s">
        <v>124</v>
      </c>
      <c r="B33" s="2" t="s">
        <v>125</v>
      </c>
      <c r="C33" s="1" t="s">
        <v>126</v>
      </c>
      <c r="D33" s="3">
        <v>36.654223000000002</v>
      </c>
      <c r="E33" s="3">
        <v>137.222151</v>
      </c>
      <c r="F33" s="1" t="s">
        <v>127</v>
      </c>
      <c r="G33" s="1" t="s">
        <v>1265</v>
      </c>
      <c r="H33" s="1" t="s">
        <v>16</v>
      </c>
      <c r="I33" s="1" t="s">
        <v>24</v>
      </c>
      <c r="J33" s="1" t="s">
        <v>24</v>
      </c>
      <c r="K33" s="2">
        <v>1</v>
      </c>
      <c r="L33" s="2">
        <v>1</v>
      </c>
      <c r="M33" s="2">
        <v>0</v>
      </c>
      <c r="N33" s="2">
        <v>1</v>
      </c>
      <c r="O33" s="2">
        <v>0</v>
      </c>
      <c r="P33" s="2">
        <v>1</v>
      </c>
      <c r="Q33" s="2">
        <v>0</v>
      </c>
      <c r="R33" s="2">
        <v>0</v>
      </c>
      <c r="S33" s="2">
        <v>520</v>
      </c>
      <c r="T33" s="2" t="s">
        <v>1159</v>
      </c>
      <c r="U33"/>
      <c r="V33"/>
      <c r="W33"/>
      <c r="X33"/>
    </row>
    <row r="34" spans="1:24" ht="20.100000000000001" customHeight="1">
      <c r="A34" s="1" t="s">
        <v>128</v>
      </c>
      <c r="B34" s="2" t="s">
        <v>129</v>
      </c>
      <c r="C34" s="1" t="s">
        <v>130</v>
      </c>
      <c r="D34" s="3">
        <v>36.634605999999998</v>
      </c>
      <c r="E34" s="3">
        <v>137.19479899999999</v>
      </c>
      <c r="F34" s="1" t="s">
        <v>131</v>
      </c>
      <c r="G34" s="1" t="s">
        <v>1265</v>
      </c>
      <c r="H34" s="1" t="s">
        <v>16</v>
      </c>
      <c r="I34" s="1" t="s">
        <v>24</v>
      </c>
      <c r="J34" s="1" t="s">
        <v>24</v>
      </c>
      <c r="K34" s="2">
        <v>1</v>
      </c>
      <c r="L34" s="2">
        <v>1</v>
      </c>
      <c r="M34" s="2">
        <v>0</v>
      </c>
      <c r="N34" s="2">
        <v>1</v>
      </c>
      <c r="O34" s="2">
        <v>0</v>
      </c>
      <c r="P34" s="2">
        <v>1</v>
      </c>
      <c r="Q34" s="2">
        <v>0</v>
      </c>
      <c r="R34" s="2">
        <v>0</v>
      </c>
      <c r="S34" s="2">
        <v>460</v>
      </c>
      <c r="T34" s="2" t="s">
        <v>1159</v>
      </c>
      <c r="U34"/>
      <c r="V34"/>
      <c r="W34"/>
      <c r="X34"/>
    </row>
    <row r="35" spans="1:24" ht="20.100000000000001" customHeight="1">
      <c r="A35" s="1" t="s">
        <v>132</v>
      </c>
      <c r="B35" s="2" t="s">
        <v>133</v>
      </c>
      <c r="C35" s="1" t="s">
        <v>134</v>
      </c>
      <c r="D35" s="3">
        <v>36.629345999999998</v>
      </c>
      <c r="E35" s="3">
        <v>137.22107199999999</v>
      </c>
      <c r="F35" s="1" t="s">
        <v>135</v>
      </c>
      <c r="G35" s="1" t="s">
        <v>1265</v>
      </c>
      <c r="H35" s="1" t="s">
        <v>16</v>
      </c>
      <c r="I35" s="1" t="s">
        <v>24</v>
      </c>
      <c r="J35" s="1" t="s">
        <v>24</v>
      </c>
      <c r="K35" s="2">
        <v>1</v>
      </c>
      <c r="L35" s="2">
        <v>1</v>
      </c>
      <c r="M35" s="2">
        <v>0</v>
      </c>
      <c r="N35" s="2">
        <v>1</v>
      </c>
      <c r="O35" s="2">
        <v>0</v>
      </c>
      <c r="P35" s="2">
        <v>1</v>
      </c>
      <c r="Q35" s="2">
        <v>0</v>
      </c>
      <c r="R35" s="2">
        <v>0</v>
      </c>
      <c r="S35" s="2">
        <v>520</v>
      </c>
      <c r="T35" s="2" t="s">
        <v>1159</v>
      </c>
      <c r="U35"/>
      <c r="V35"/>
      <c r="W35"/>
      <c r="X35"/>
    </row>
    <row r="36" spans="1:24" ht="20.100000000000001" customHeight="1">
      <c r="A36" s="1" t="s">
        <v>136</v>
      </c>
      <c r="B36" s="2" t="s">
        <v>137</v>
      </c>
      <c r="C36" s="1" t="s">
        <v>138</v>
      </c>
      <c r="D36" s="3">
        <v>36.622537999999999</v>
      </c>
      <c r="E36" s="3">
        <v>137.252915</v>
      </c>
      <c r="F36" s="1" t="s">
        <v>139</v>
      </c>
      <c r="G36" s="1" t="s">
        <v>1265</v>
      </c>
      <c r="H36" s="1" t="s">
        <v>16</v>
      </c>
      <c r="I36" s="1" t="s">
        <v>24</v>
      </c>
      <c r="J36" s="1" t="s">
        <v>24</v>
      </c>
      <c r="K36" s="2">
        <v>1</v>
      </c>
      <c r="L36" s="2">
        <v>1</v>
      </c>
      <c r="M36" s="2">
        <v>0</v>
      </c>
      <c r="N36" s="2">
        <v>1</v>
      </c>
      <c r="O36" s="2">
        <v>0</v>
      </c>
      <c r="P36" s="2">
        <v>1</v>
      </c>
      <c r="Q36" s="2">
        <v>0</v>
      </c>
      <c r="R36" s="2">
        <v>0</v>
      </c>
      <c r="S36" s="2" t="s">
        <v>1103</v>
      </c>
      <c r="T36" s="2" t="s">
        <v>1159</v>
      </c>
      <c r="U36"/>
      <c r="V36"/>
      <c r="W36"/>
      <c r="X36"/>
    </row>
    <row r="37" spans="1:24" ht="20.100000000000001" customHeight="1">
      <c r="A37" s="1" t="s">
        <v>140</v>
      </c>
      <c r="B37" s="2" t="s">
        <v>141</v>
      </c>
      <c r="C37" s="1" t="s">
        <v>142</v>
      </c>
      <c r="D37" s="3">
        <v>36.75488198</v>
      </c>
      <c r="E37" s="3">
        <v>137.19541150000001</v>
      </c>
      <c r="F37" s="1" t="s">
        <v>143</v>
      </c>
      <c r="G37" s="1" t="s">
        <v>1265</v>
      </c>
      <c r="H37" s="1" t="s">
        <v>16</v>
      </c>
      <c r="I37" s="1" t="s">
        <v>24</v>
      </c>
      <c r="J37" s="1" t="s">
        <v>24</v>
      </c>
      <c r="K37" s="2">
        <v>1</v>
      </c>
      <c r="L37" s="2">
        <v>1</v>
      </c>
      <c r="M37" s="2">
        <v>0</v>
      </c>
      <c r="N37" s="2">
        <v>1</v>
      </c>
      <c r="O37" s="2">
        <v>1</v>
      </c>
      <c r="P37" s="2">
        <v>1</v>
      </c>
      <c r="Q37" s="2">
        <v>0</v>
      </c>
      <c r="R37" s="2">
        <v>0</v>
      </c>
      <c r="S37" s="2">
        <v>430</v>
      </c>
      <c r="T37" s="2" t="s">
        <v>1159</v>
      </c>
      <c r="U37"/>
      <c r="V37"/>
      <c r="W37"/>
      <c r="X37"/>
    </row>
    <row r="38" spans="1:24" ht="20.100000000000001" customHeight="1">
      <c r="A38" s="1" t="s">
        <v>144</v>
      </c>
      <c r="B38" s="2" t="s">
        <v>145</v>
      </c>
      <c r="C38" s="1" t="s">
        <v>146</v>
      </c>
      <c r="D38" s="3">
        <v>36.740873999999998</v>
      </c>
      <c r="E38" s="3">
        <v>137.196146</v>
      </c>
      <c r="F38" s="1" t="s">
        <v>147</v>
      </c>
      <c r="G38" s="1" t="s">
        <v>1265</v>
      </c>
      <c r="H38" s="1" t="s">
        <v>16</v>
      </c>
      <c r="I38" s="1" t="s">
        <v>24</v>
      </c>
      <c r="J38" s="1" t="s">
        <v>24</v>
      </c>
      <c r="K38" s="2">
        <v>1</v>
      </c>
      <c r="L38" s="2">
        <v>1</v>
      </c>
      <c r="M38" s="2">
        <v>0</v>
      </c>
      <c r="N38" s="2">
        <v>1</v>
      </c>
      <c r="O38" s="2">
        <v>0</v>
      </c>
      <c r="P38" s="2">
        <v>1</v>
      </c>
      <c r="Q38" s="2">
        <v>0</v>
      </c>
      <c r="R38" s="2">
        <v>0</v>
      </c>
      <c r="S38" s="2">
        <v>390</v>
      </c>
      <c r="T38" s="2" t="s">
        <v>1159</v>
      </c>
      <c r="U38"/>
      <c r="V38"/>
      <c r="W38"/>
      <c r="X38"/>
    </row>
    <row r="39" spans="1:24" ht="20.100000000000001" customHeight="1">
      <c r="A39" s="1" t="s">
        <v>148</v>
      </c>
      <c r="B39" s="2" t="s">
        <v>149</v>
      </c>
      <c r="C39" s="1" t="s">
        <v>150</v>
      </c>
      <c r="D39" s="3">
        <v>36.745306999999997</v>
      </c>
      <c r="E39" s="3">
        <v>137.20802499999999</v>
      </c>
      <c r="F39" s="1" t="s">
        <v>151</v>
      </c>
      <c r="G39" s="1" t="s">
        <v>1265</v>
      </c>
      <c r="H39" s="1" t="s">
        <v>16</v>
      </c>
      <c r="I39" s="1" t="s">
        <v>24</v>
      </c>
      <c r="J39" s="1" t="s">
        <v>24</v>
      </c>
      <c r="K39" s="2">
        <v>1</v>
      </c>
      <c r="L39" s="2">
        <v>1</v>
      </c>
      <c r="M39" s="2">
        <v>0</v>
      </c>
      <c r="N39" s="2">
        <v>1</v>
      </c>
      <c r="O39" s="2" t="s">
        <v>1182</v>
      </c>
      <c r="P39" s="2">
        <v>1</v>
      </c>
      <c r="Q39" s="2">
        <v>0</v>
      </c>
      <c r="R39" s="2">
        <v>0</v>
      </c>
      <c r="S39" s="2">
        <v>500</v>
      </c>
      <c r="T39" s="2" t="s">
        <v>1159</v>
      </c>
      <c r="U39"/>
      <c r="V39"/>
      <c r="W39"/>
      <c r="X39"/>
    </row>
    <row r="40" spans="1:24" ht="20.100000000000001" customHeight="1">
      <c r="A40" s="1" t="s">
        <v>152</v>
      </c>
      <c r="B40" s="2" t="s">
        <v>153</v>
      </c>
      <c r="C40" s="1" t="s">
        <v>154</v>
      </c>
      <c r="D40" s="3">
        <v>36.749091</v>
      </c>
      <c r="E40" s="3">
        <v>137.19112100000001</v>
      </c>
      <c r="F40" s="1" t="s">
        <v>155</v>
      </c>
      <c r="G40" s="1" t="s">
        <v>1265</v>
      </c>
      <c r="H40" s="1" t="s">
        <v>16</v>
      </c>
      <c r="I40" s="1" t="s">
        <v>24</v>
      </c>
      <c r="J40" s="1" t="s">
        <v>24</v>
      </c>
      <c r="K40" s="2">
        <v>1</v>
      </c>
      <c r="L40" s="2">
        <v>1</v>
      </c>
      <c r="M40" s="2">
        <v>0</v>
      </c>
      <c r="N40" s="2">
        <v>1</v>
      </c>
      <c r="O40" s="2" t="s">
        <v>1182</v>
      </c>
      <c r="P40" s="2">
        <v>1</v>
      </c>
      <c r="Q40" s="2">
        <v>0</v>
      </c>
      <c r="R40" s="2">
        <v>0</v>
      </c>
      <c r="S40" s="2">
        <v>390</v>
      </c>
      <c r="T40" s="2" t="s">
        <v>1159</v>
      </c>
      <c r="U40"/>
      <c r="V40"/>
      <c r="W40"/>
      <c r="X40"/>
    </row>
    <row r="41" spans="1:24" ht="20.100000000000001" customHeight="1">
      <c r="A41" s="1" t="s">
        <v>156</v>
      </c>
      <c r="B41" s="2" t="s">
        <v>157</v>
      </c>
      <c r="C41" s="1" t="s">
        <v>158</v>
      </c>
      <c r="D41" s="3">
        <v>36.713886000000002</v>
      </c>
      <c r="E41" s="3">
        <v>137.169028</v>
      </c>
      <c r="F41" s="1" t="s">
        <v>159</v>
      </c>
      <c r="G41" s="1" t="s">
        <v>1265</v>
      </c>
      <c r="H41" s="1" t="s">
        <v>16</v>
      </c>
      <c r="I41" s="1" t="s">
        <v>24</v>
      </c>
      <c r="J41" s="1" t="s">
        <v>24</v>
      </c>
      <c r="K41" s="2">
        <v>1</v>
      </c>
      <c r="L41" s="2">
        <v>1</v>
      </c>
      <c r="M41" s="2">
        <v>0</v>
      </c>
      <c r="N41" s="2">
        <v>1</v>
      </c>
      <c r="O41" s="2">
        <v>0</v>
      </c>
      <c r="P41" s="2">
        <v>1</v>
      </c>
      <c r="Q41" s="2">
        <v>0</v>
      </c>
      <c r="R41" s="2">
        <v>0</v>
      </c>
      <c r="S41" s="2">
        <v>510</v>
      </c>
      <c r="U41"/>
      <c r="V41"/>
      <c r="W41"/>
      <c r="X41"/>
    </row>
    <row r="42" spans="1:24" ht="20.100000000000001" customHeight="1">
      <c r="A42" s="1" t="s">
        <v>160</v>
      </c>
      <c r="B42" s="2" t="s">
        <v>161</v>
      </c>
      <c r="C42" s="1" t="s">
        <v>162</v>
      </c>
      <c r="D42" s="3">
        <v>36.719782000000002</v>
      </c>
      <c r="E42" s="3">
        <v>137.189089</v>
      </c>
      <c r="F42" s="1" t="s">
        <v>163</v>
      </c>
      <c r="G42" s="1" t="s">
        <v>1265</v>
      </c>
      <c r="H42" s="1" t="s">
        <v>16</v>
      </c>
      <c r="I42" s="1" t="s">
        <v>24</v>
      </c>
      <c r="J42" s="1" t="s">
        <v>24</v>
      </c>
      <c r="K42" s="2">
        <v>1</v>
      </c>
      <c r="L42" s="2">
        <v>1</v>
      </c>
      <c r="M42" s="2">
        <v>0</v>
      </c>
      <c r="N42" s="2">
        <v>1</v>
      </c>
      <c r="O42" s="2">
        <v>0</v>
      </c>
      <c r="P42" s="2">
        <v>1</v>
      </c>
      <c r="Q42" s="2">
        <v>0</v>
      </c>
      <c r="R42" s="2">
        <v>0</v>
      </c>
      <c r="S42" s="2">
        <v>490</v>
      </c>
      <c r="U42"/>
      <c r="V42"/>
      <c r="W42"/>
      <c r="X42"/>
    </row>
    <row r="43" spans="1:24" ht="20.100000000000001" customHeight="1">
      <c r="A43" s="1" t="s">
        <v>164</v>
      </c>
      <c r="B43" s="2" t="s">
        <v>165</v>
      </c>
      <c r="C43" s="1" t="s">
        <v>166</v>
      </c>
      <c r="D43" s="3">
        <v>36.729678999999997</v>
      </c>
      <c r="E43" s="3">
        <v>137.153007</v>
      </c>
      <c r="F43" s="1" t="s">
        <v>167</v>
      </c>
      <c r="G43" s="1" t="s">
        <v>1265</v>
      </c>
      <c r="H43" s="1" t="s">
        <v>16</v>
      </c>
      <c r="I43" s="1" t="s">
        <v>24</v>
      </c>
      <c r="J43" s="1" t="s">
        <v>24</v>
      </c>
      <c r="K43" s="2">
        <v>1</v>
      </c>
      <c r="L43" s="2">
        <v>1</v>
      </c>
      <c r="M43" s="2">
        <v>0</v>
      </c>
      <c r="N43" s="2">
        <v>1</v>
      </c>
      <c r="O43" s="2">
        <v>0</v>
      </c>
      <c r="P43" s="2">
        <v>1</v>
      </c>
      <c r="Q43" s="2">
        <v>0</v>
      </c>
      <c r="R43" s="2">
        <v>0</v>
      </c>
      <c r="S43" s="2">
        <v>410</v>
      </c>
      <c r="T43" s="2" t="s">
        <v>1159</v>
      </c>
      <c r="U43"/>
      <c r="V43"/>
      <c r="W43"/>
      <c r="X43"/>
    </row>
    <row r="44" spans="1:24" ht="20.100000000000001" customHeight="1">
      <c r="A44" s="1" t="s">
        <v>168</v>
      </c>
      <c r="B44" s="2" t="s">
        <v>169</v>
      </c>
      <c r="C44" s="1" t="s">
        <v>170</v>
      </c>
      <c r="D44" s="3">
        <v>36.691600999999999</v>
      </c>
      <c r="E44" s="3">
        <v>137.141257</v>
      </c>
      <c r="F44" s="1" t="s">
        <v>171</v>
      </c>
      <c r="G44" s="1" t="s">
        <v>1265</v>
      </c>
      <c r="H44" s="1" t="s">
        <v>16</v>
      </c>
      <c r="I44" s="1" t="s">
        <v>24</v>
      </c>
      <c r="J44" s="1" t="s">
        <v>24</v>
      </c>
      <c r="K44" s="2">
        <v>1</v>
      </c>
      <c r="L44" s="2">
        <v>1</v>
      </c>
      <c r="M44" s="2">
        <v>0</v>
      </c>
      <c r="N44" s="2">
        <v>1</v>
      </c>
      <c r="O44" s="2">
        <v>0</v>
      </c>
      <c r="P44" s="2">
        <v>1</v>
      </c>
      <c r="Q44" s="2">
        <v>0</v>
      </c>
      <c r="R44" s="2">
        <v>0</v>
      </c>
      <c r="S44" s="2">
        <v>390</v>
      </c>
      <c r="U44"/>
      <c r="V44"/>
      <c r="W44"/>
      <c r="X44"/>
    </row>
    <row r="45" spans="1:24" ht="20.100000000000001" customHeight="1">
      <c r="A45" s="1" t="s">
        <v>172</v>
      </c>
      <c r="B45" s="2" t="s">
        <v>173</v>
      </c>
      <c r="C45" s="1" t="s">
        <v>174</v>
      </c>
      <c r="D45" s="3">
        <v>36.707771000000001</v>
      </c>
      <c r="E45" s="3">
        <v>137.13188199999999</v>
      </c>
      <c r="F45" s="1" t="s">
        <v>175</v>
      </c>
      <c r="G45" s="1" t="s">
        <v>1265</v>
      </c>
      <c r="H45" s="1" t="s">
        <v>16</v>
      </c>
      <c r="I45" s="1" t="s">
        <v>24</v>
      </c>
      <c r="J45" s="1" t="s">
        <v>24</v>
      </c>
      <c r="K45" s="2">
        <v>1</v>
      </c>
      <c r="L45" s="2">
        <v>1</v>
      </c>
      <c r="M45" s="2">
        <v>0</v>
      </c>
      <c r="N45" s="2">
        <v>1</v>
      </c>
      <c r="O45" s="2">
        <v>0</v>
      </c>
      <c r="P45" s="2">
        <v>1</v>
      </c>
      <c r="Q45" s="2">
        <v>0</v>
      </c>
      <c r="R45" s="2">
        <v>0</v>
      </c>
      <c r="S45" s="2" t="s">
        <v>1104</v>
      </c>
      <c r="U45"/>
      <c r="V45"/>
      <c r="W45"/>
      <c r="X45"/>
    </row>
    <row r="46" spans="1:24" ht="20.100000000000001" customHeight="1">
      <c r="A46" s="1" t="s">
        <v>176</v>
      </c>
      <c r="B46" s="2" t="s">
        <v>177</v>
      </c>
      <c r="C46" s="1" t="s">
        <v>178</v>
      </c>
      <c r="D46" s="3">
        <v>36.682890999999998</v>
      </c>
      <c r="E46" s="3">
        <v>137.12006099999999</v>
      </c>
      <c r="F46" s="1" t="s">
        <v>179</v>
      </c>
      <c r="G46" s="1" t="s">
        <v>1265</v>
      </c>
      <c r="H46" s="1" t="s">
        <v>16</v>
      </c>
      <c r="I46" s="1" t="s">
        <v>24</v>
      </c>
      <c r="J46" s="1" t="s">
        <v>24</v>
      </c>
      <c r="K46" s="2">
        <v>1</v>
      </c>
      <c r="L46" s="2">
        <v>1</v>
      </c>
      <c r="M46" s="2">
        <v>0</v>
      </c>
      <c r="N46" s="2">
        <v>1</v>
      </c>
      <c r="O46" s="2">
        <v>0</v>
      </c>
      <c r="P46" s="2">
        <v>1</v>
      </c>
      <c r="Q46" s="2">
        <v>0</v>
      </c>
      <c r="R46" s="2">
        <v>0</v>
      </c>
      <c r="S46" s="2">
        <v>400</v>
      </c>
    </row>
    <row r="47" spans="1:24" ht="20.100000000000001" customHeight="1">
      <c r="A47" s="1" t="s">
        <v>180</v>
      </c>
      <c r="B47" s="2" t="s">
        <v>181</v>
      </c>
      <c r="C47" s="1" t="s">
        <v>182</v>
      </c>
      <c r="D47" s="3">
        <v>36.751739389999997</v>
      </c>
      <c r="E47" s="3">
        <v>137.30696520000001</v>
      </c>
      <c r="F47" s="1" t="s">
        <v>183</v>
      </c>
      <c r="G47" s="1" t="s">
        <v>1265</v>
      </c>
      <c r="H47" s="1" t="s">
        <v>16</v>
      </c>
      <c r="I47" s="1" t="s">
        <v>24</v>
      </c>
      <c r="J47" s="1" t="s">
        <v>24</v>
      </c>
      <c r="K47" s="2">
        <v>1</v>
      </c>
      <c r="L47" s="2">
        <v>1</v>
      </c>
      <c r="M47" s="2">
        <v>0</v>
      </c>
      <c r="N47" s="2">
        <v>1</v>
      </c>
      <c r="O47" s="2">
        <v>1</v>
      </c>
      <c r="P47" s="2">
        <v>1</v>
      </c>
      <c r="Q47" s="2">
        <v>0</v>
      </c>
      <c r="R47" s="2">
        <v>0</v>
      </c>
      <c r="S47" s="2">
        <v>470</v>
      </c>
      <c r="T47" s="2" t="s">
        <v>1159</v>
      </c>
    </row>
    <row r="48" spans="1:24" ht="20.100000000000001" customHeight="1">
      <c r="A48" s="1" t="s">
        <v>184</v>
      </c>
      <c r="B48" s="2" t="s">
        <v>185</v>
      </c>
      <c r="C48" s="1" t="s">
        <v>186</v>
      </c>
      <c r="D48" s="3">
        <v>36.752122999999997</v>
      </c>
      <c r="E48" s="3">
        <v>137.300039</v>
      </c>
      <c r="F48" s="1" t="s">
        <v>187</v>
      </c>
      <c r="G48" s="1" t="s">
        <v>1265</v>
      </c>
      <c r="H48" s="1" t="s">
        <v>16</v>
      </c>
      <c r="I48" s="1" t="s">
        <v>24</v>
      </c>
      <c r="J48" s="1" t="s">
        <v>24</v>
      </c>
      <c r="K48" s="2">
        <v>1</v>
      </c>
      <c r="L48" s="2">
        <v>1</v>
      </c>
      <c r="M48" s="2">
        <v>0</v>
      </c>
      <c r="N48" s="2">
        <v>1</v>
      </c>
      <c r="O48" s="2">
        <v>1</v>
      </c>
      <c r="P48" s="2">
        <v>1</v>
      </c>
      <c r="Q48" s="2">
        <v>0</v>
      </c>
      <c r="R48" s="2">
        <v>0</v>
      </c>
      <c r="S48" s="2">
        <v>400</v>
      </c>
      <c r="T48" s="2" t="s">
        <v>1159</v>
      </c>
    </row>
    <row r="49" spans="1:20" ht="20.100000000000001" customHeight="1">
      <c r="A49" s="1" t="s">
        <v>188</v>
      </c>
      <c r="B49" s="2" t="s">
        <v>189</v>
      </c>
      <c r="C49" s="1" t="s">
        <v>190</v>
      </c>
      <c r="D49" s="3">
        <v>36.739731999999997</v>
      </c>
      <c r="E49" s="3">
        <v>137.32463899999999</v>
      </c>
      <c r="F49" s="1" t="s">
        <v>191</v>
      </c>
      <c r="G49" s="1" t="s">
        <v>1265</v>
      </c>
      <c r="H49" s="1" t="s">
        <v>16</v>
      </c>
      <c r="I49" s="1" t="s">
        <v>24</v>
      </c>
      <c r="J49" s="1" t="s">
        <v>24</v>
      </c>
      <c r="K49" s="2">
        <v>1</v>
      </c>
      <c r="L49" s="2">
        <v>1</v>
      </c>
      <c r="M49" s="2">
        <v>0</v>
      </c>
      <c r="N49" s="2">
        <v>1</v>
      </c>
      <c r="O49" s="2">
        <v>0</v>
      </c>
      <c r="P49" s="2">
        <v>1</v>
      </c>
      <c r="Q49" s="2">
        <v>0</v>
      </c>
      <c r="R49" s="2">
        <v>0</v>
      </c>
      <c r="S49" s="2">
        <v>460</v>
      </c>
      <c r="T49" s="2" t="s">
        <v>1159</v>
      </c>
    </row>
    <row r="50" spans="1:20" ht="20.100000000000001" customHeight="1">
      <c r="A50" s="1" t="s">
        <v>192</v>
      </c>
      <c r="B50" s="2" t="s">
        <v>1301</v>
      </c>
      <c r="C50" s="1" t="s">
        <v>193</v>
      </c>
      <c r="D50" s="3">
        <v>36.721096000000003</v>
      </c>
      <c r="E50" s="3">
        <v>137.29295400000001</v>
      </c>
      <c r="F50" s="1" t="s">
        <v>194</v>
      </c>
      <c r="G50" s="1" t="s">
        <v>1265</v>
      </c>
      <c r="H50" s="1" t="s">
        <v>16</v>
      </c>
      <c r="I50" s="1" t="s">
        <v>24</v>
      </c>
      <c r="J50" s="1" t="s">
        <v>24</v>
      </c>
      <c r="K50" s="2">
        <v>1</v>
      </c>
      <c r="L50" s="2">
        <v>1</v>
      </c>
      <c r="M50" s="2">
        <v>0</v>
      </c>
      <c r="N50" s="2">
        <v>1</v>
      </c>
      <c r="O50" s="2">
        <v>0</v>
      </c>
      <c r="P50" s="2">
        <v>1</v>
      </c>
      <c r="Q50" s="2">
        <v>0</v>
      </c>
      <c r="R50" s="2">
        <v>0</v>
      </c>
      <c r="S50" s="2">
        <v>410</v>
      </c>
      <c r="T50" s="2" t="s">
        <v>1159</v>
      </c>
    </row>
    <row r="51" spans="1:20" ht="20.100000000000001" customHeight="1">
      <c r="A51" s="1" t="s">
        <v>195</v>
      </c>
      <c r="B51" s="2" t="s">
        <v>1302</v>
      </c>
      <c r="C51" s="1" t="s">
        <v>196</v>
      </c>
      <c r="D51" s="3">
        <v>36.726485140000001</v>
      </c>
      <c r="E51" s="3">
        <v>137.31410801000001</v>
      </c>
      <c r="F51" s="1" t="s">
        <v>197</v>
      </c>
      <c r="G51" s="1" t="s">
        <v>1265</v>
      </c>
      <c r="H51" s="1" t="s">
        <v>16</v>
      </c>
      <c r="I51" s="1" t="s">
        <v>24</v>
      </c>
      <c r="J51" s="1" t="s">
        <v>24</v>
      </c>
      <c r="K51" s="2">
        <v>1</v>
      </c>
      <c r="L51" s="2">
        <v>1</v>
      </c>
      <c r="M51" s="2">
        <v>0</v>
      </c>
      <c r="N51" s="2">
        <v>1</v>
      </c>
      <c r="O51" s="2">
        <v>0</v>
      </c>
      <c r="P51" s="2">
        <v>1</v>
      </c>
      <c r="Q51" s="2">
        <v>0</v>
      </c>
      <c r="R51" s="2">
        <v>0</v>
      </c>
      <c r="S51" s="2">
        <v>470</v>
      </c>
    </row>
    <row r="52" spans="1:20" ht="20.100000000000001" customHeight="1">
      <c r="A52" s="1" t="s">
        <v>198</v>
      </c>
      <c r="B52" s="2" t="s">
        <v>199</v>
      </c>
      <c r="C52" s="1" t="s">
        <v>200</v>
      </c>
      <c r="D52" s="3">
        <v>36.682766999999998</v>
      </c>
      <c r="E52" s="3">
        <v>137.20663200000001</v>
      </c>
      <c r="F52" s="1" t="s">
        <v>201</v>
      </c>
      <c r="G52" s="1" t="s">
        <v>1265</v>
      </c>
      <c r="H52" s="1" t="s">
        <v>16</v>
      </c>
      <c r="I52" s="1" t="s">
        <v>24</v>
      </c>
      <c r="J52" s="1" t="s">
        <v>24</v>
      </c>
      <c r="K52" s="2">
        <v>1</v>
      </c>
      <c r="L52" s="2">
        <v>1</v>
      </c>
      <c r="M52" s="2">
        <v>0</v>
      </c>
      <c r="N52" s="2">
        <v>1</v>
      </c>
      <c r="O52" s="2">
        <v>0</v>
      </c>
      <c r="P52" s="2">
        <v>1</v>
      </c>
      <c r="Q52" s="2">
        <v>0</v>
      </c>
      <c r="R52" s="2">
        <v>0</v>
      </c>
      <c r="S52" s="2" t="s">
        <v>1105</v>
      </c>
      <c r="T52" s="2" t="s">
        <v>1159</v>
      </c>
    </row>
    <row r="53" spans="1:20" ht="20.100000000000001" customHeight="1">
      <c r="A53" s="1" t="s">
        <v>202</v>
      </c>
      <c r="B53" s="2" t="s">
        <v>203</v>
      </c>
      <c r="C53" s="1" t="s">
        <v>204</v>
      </c>
      <c r="D53" s="3">
        <v>36.678994000000003</v>
      </c>
      <c r="E53" s="3">
        <v>137.22832500000001</v>
      </c>
      <c r="F53" s="1" t="s">
        <v>205</v>
      </c>
      <c r="G53" s="1" t="s">
        <v>1265</v>
      </c>
      <c r="H53" s="1" t="s">
        <v>16</v>
      </c>
      <c r="I53" s="1" t="s">
        <v>24</v>
      </c>
      <c r="J53" s="1" t="s">
        <v>24</v>
      </c>
      <c r="K53" s="2">
        <v>1</v>
      </c>
      <c r="L53" s="2">
        <v>1</v>
      </c>
      <c r="M53" s="2">
        <v>0</v>
      </c>
      <c r="N53" s="2">
        <v>1</v>
      </c>
      <c r="O53" s="2">
        <v>0</v>
      </c>
      <c r="P53" s="2">
        <v>1</v>
      </c>
      <c r="Q53" s="2">
        <v>0</v>
      </c>
      <c r="R53" s="2">
        <v>0</v>
      </c>
      <c r="S53" s="2">
        <v>470</v>
      </c>
      <c r="T53" s="2" t="s">
        <v>1159</v>
      </c>
    </row>
    <row r="54" spans="1:20" ht="20.100000000000001" customHeight="1">
      <c r="A54" s="1" t="s">
        <v>206</v>
      </c>
      <c r="B54" s="2" t="s">
        <v>207</v>
      </c>
      <c r="C54" s="1" t="s">
        <v>208</v>
      </c>
      <c r="D54" s="3">
        <v>36.674791999999997</v>
      </c>
      <c r="E54" s="3">
        <v>137.22278700000001</v>
      </c>
      <c r="F54" s="1" t="s">
        <v>209</v>
      </c>
      <c r="G54" s="1" t="s">
        <v>1265</v>
      </c>
      <c r="H54" s="1" t="s">
        <v>16</v>
      </c>
      <c r="I54" s="1" t="s">
        <v>24</v>
      </c>
      <c r="J54" s="1" t="s">
        <v>24</v>
      </c>
      <c r="K54" s="2">
        <v>1</v>
      </c>
      <c r="L54" s="2">
        <v>1</v>
      </c>
      <c r="M54" s="2">
        <v>0</v>
      </c>
      <c r="N54" s="2">
        <v>1</v>
      </c>
      <c r="O54" s="2">
        <v>0</v>
      </c>
      <c r="P54" s="2">
        <v>1</v>
      </c>
      <c r="Q54" s="2">
        <v>0</v>
      </c>
      <c r="R54" s="2">
        <v>0</v>
      </c>
      <c r="S54" s="2" t="s">
        <v>1106</v>
      </c>
      <c r="T54" s="2" t="s">
        <v>1159</v>
      </c>
    </row>
    <row r="55" spans="1:20" ht="20.100000000000001" customHeight="1">
      <c r="A55" s="1" t="s">
        <v>210</v>
      </c>
      <c r="B55" s="2" t="s">
        <v>211</v>
      </c>
      <c r="C55" s="1" t="s">
        <v>212</v>
      </c>
      <c r="D55" s="3">
        <v>36.691451000000001</v>
      </c>
      <c r="E55" s="3">
        <v>137.242943</v>
      </c>
      <c r="F55" s="1" t="s">
        <v>213</v>
      </c>
      <c r="G55" s="1" t="s">
        <v>1265</v>
      </c>
      <c r="H55" s="1" t="s">
        <v>16</v>
      </c>
      <c r="I55" s="1" t="s">
        <v>24</v>
      </c>
      <c r="J55" s="1" t="s">
        <v>24</v>
      </c>
      <c r="K55" s="2">
        <v>1</v>
      </c>
      <c r="L55" s="2">
        <v>1</v>
      </c>
      <c r="M55" s="2">
        <v>0</v>
      </c>
      <c r="N55" s="2">
        <v>1</v>
      </c>
      <c r="O55" s="2">
        <v>0</v>
      </c>
      <c r="P55" s="2">
        <v>1</v>
      </c>
      <c r="Q55" s="2">
        <v>0</v>
      </c>
      <c r="R55" s="2">
        <v>0</v>
      </c>
      <c r="S55" s="2">
        <v>560</v>
      </c>
      <c r="T55" s="2" t="s">
        <v>1159</v>
      </c>
    </row>
    <row r="56" spans="1:20" ht="20.100000000000001" customHeight="1">
      <c r="A56" s="1" t="s">
        <v>214</v>
      </c>
      <c r="B56" s="2" t="s">
        <v>215</v>
      </c>
      <c r="C56" s="1" t="s">
        <v>216</v>
      </c>
      <c r="D56" s="3">
        <v>36.701853999999997</v>
      </c>
      <c r="E56" s="3">
        <v>137.225706</v>
      </c>
      <c r="F56" s="1" t="s">
        <v>217</v>
      </c>
      <c r="G56" s="1" t="s">
        <v>1265</v>
      </c>
      <c r="H56" s="1" t="s">
        <v>16</v>
      </c>
      <c r="I56" s="1" t="s">
        <v>24</v>
      </c>
      <c r="J56" s="1" t="s">
        <v>24</v>
      </c>
      <c r="K56" s="2">
        <v>1</v>
      </c>
      <c r="L56" s="2">
        <v>1</v>
      </c>
      <c r="M56" s="2">
        <v>0</v>
      </c>
      <c r="N56" s="2">
        <v>1</v>
      </c>
      <c r="O56" s="2">
        <v>0</v>
      </c>
      <c r="P56" s="2">
        <v>1</v>
      </c>
      <c r="Q56" s="2">
        <v>0</v>
      </c>
      <c r="R56" s="2">
        <v>0</v>
      </c>
      <c r="S56" s="2">
        <v>600</v>
      </c>
      <c r="T56" s="2" t="s">
        <v>1159</v>
      </c>
    </row>
    <row r="57" spans="1:20" ht="20.100000000000001" customHeight="1">
      <c r="A57" s="1" t="s">
        <v>218</v>
      </c>
      <c r="B57" s="2" t="s">
        <v>219</v>
      </c>
      <c r="C57" s="1" t="s">
        <v>220</v>
      </c>
      <c r="D57" s="3">
        <v>36.703321000000003</v>
      </c>
      <c r="E57" s="3">
        <v>137.19000299999999</v>
      </c>
      <c r="F57" s="1" t="s">
        <v>221</v>
      </c>
      <c r="G57" s="1" t="s">
        <v>1265</v>
      </c>
      <c r="H57" s="1" t="s">
        <v>16</v>
      </c>
      <c r="I57" s="1" t="s">
        <v>24</v>
      </c>
      <c r="J57" s="1" t="s">
        <v>24</v>
      </c>
      <c r="K57" s="2">
        <v>1</v>
      </c>
      <c r="L57" s="2">
        <v>1</v>
      </c>
      <c r="M57" s="2">
        <v>0</v>
      </c>
      <c r="N57" s="2">
        <v>1</v>
      </c>
      <c r="O57" s="2">
        <v>0</v>
      </c>
      <c r="P57" s="2">
        <v>1</v>
      </c>
      <c r="Q57" s="2">
        <v>0</v>
      </c>
      <c r="R57" s="2">
        <v>0</v>
      </c>
      <c r="S57" s="2">
        <v>560</v>
      </c>
      <c r="T57" s="2" t="s">
        <v>1159</v>
      </c>
    </row>
    <row r="58" spans="1:20" ht="20.100000000000001" customHeight="1">
      <c r="A58" s="1" t="s">
        <v>222</v>
      </c>
      <c r="B58" s="2" t="s">
        <v>223</v>
      </c>
      <c r="C58" s="1" t="s">
        <v>90</v>
      </c>
      <c r="D58" s="3">
        <v>36.696689999999997</v>
      </c>
      <c r="E58" s="3">
        <v>137.20449199999999</v>
      </c>
      <c r="F58" s="1" t="s">
        <v>224</v>
      </c>
      <c r="G58" s="1" t="s">
        <v>1265</v>
      </c>
      <c r="H58" s="1" t="s">
        <v>16</v>
      </c>
      <c r="I58" s="1" t="s">
        <v>24</v>
      </c>
      <c r="J58" s="1" t="s">
        <v>24</v>
      </c>
      <c r="K58" s="2">
        <v>1</v>
      </c>
      <c r="L58" s="2">
        <v>1</v>
      </c>
      <c r="M58" s="2">
        <v>0</v>
      </c>
      <c r="N58" s="2">
        <v>1</v>
      </c>
      <c r="O58" s="2">
        <v>0</v>
      </c>
      <c r="P58" s="2">
        <v>1</v>
      </c>
      <c r="Q58" s="2">
        <v>0</v>
      </c>
      <c r="R58" s="2">
        <v>0</v>
      </c>
      <c r="S58" s="2">
        <v>680</v>
      </c>
      <c r="T58" s="2" t="s">
        <v>1160</v>
      </c>
    </row>
    <row r="59" spans="1:20" ht="20.100000000000001" customHeight="1">
      <c r="A59" s="1" t="s">
        <v>225</v>
      </c>
      <c r="B59" s="2" t="s">
        <v>226</v>
      </c>
      <c r="C59" s="1" t="s">
        <v>227</v>
      </c>
      <c r="D59" s="3">
        <v>36.742902000000001</v>
      </c>
      <c r="E59" s="3">
        <v>137.23302100000001</v>
      </c>
      <c r="F59" s="1" t="s">
        <v>228</v>
      </c>
      <c r="G59" s="1" t="s">
        <v>1265</v>
      </c>
      <c r="H59" s="1" t="s">
        <v>16</v>
      </c>
      <c r="I59" s="1" t="s">
        <v>24</v>
      </c>
      <c r="J59" s="1" t="s">
        <v>24</v>
      </c>
      <c r="K59" s="2">
        <v>1</v>
      </c>
      <c r="L59" s="2">
        <v>1</v>
      </c>
      <c r="M59" s="2">
        <v>0</v>
      </c>
      <c r="N59" s="2">
        <v>1</v>
      </c>
      <c r="O59" s="2">
        <v>0</v>
      </c>
      <c r="P59" s="2">
        <v>1</v>
      </c>
      <c r="Q59" s="2">
        <v>0</v>
      </c>
      <c r="R59" s="2">
        <v>0</v>
      </c>
      <c r="S59" s="2">
        <v>570</v>
      </c>
      <c r="T59" s="2" t="s">
        <v>1159</v>
      </c>
    </row>
    <row r="60" spans="1:20" ht="20.100000000000001" customHeight="1">
      <c r="A60" s="1" t="s">
        <v>229</v>
      </c>
      <c r="B60" s="2" t="s">
        <v>230</v>
      </c>
      <c r="C60" s="1" t="s">
        <v>231</v>
      </c>
      <c r="D60" s="3">
        <v>36.747919000000003</v>
      </c>
      <c r="E60" s="3">
        <v>137.249548</v>
      </c>
      <c r="F60" s="1" t="s">
        <v>232</v>
      </c>
      <c r="G60" s="1" t="s">
        <v>1265</v>
      </c>
      <c r="H60" s="1" t="s">
        <v>16</v>
      </c>
      <c r="I60" s="1" t="s">
        <v>24</v>
      </c>
      <c r="J60" s="1" t="s">
        <v>24</v>
      </c>
      <c r="K60" s="2">
        <v>1</v>
      </c>
      <c r="L60" s="2">
        <v>1</v>
      </c>
      <c r="M60" s="2">
        <v>0</v>
      </c>
      <c r="N60" s="2">
        <v>1</v>
      </c>
      <c r="O60" s="2">
        <v>0</v>
      </c>
      <c r="P60" s="2">
        <v>1</v>
      </c>
      <c r="Q60" s="2">
        <v>0</v>
      </c>
      <c r="R60" s="2">
        <v>0</v>
      </c>
      <c r="S60" s="2">
        <v>550</v>
      </c>
      <c r="T60" s="2" t="s">
        <v>1159</v>
      </c>
    </row>
    <row r="61" spans="1:20" ht="20.100000000000001" customHeight="1">
      <c r="A61" s="1" t="s">
        <v>233</v>
      </c>
      <c r="B61" s="2" t="s">
        <v>234</v>
      </c>
      <c r="C61" s="1" t="s">
        <v>235</v>
      </c>
      <c r="D61" s="3">
        <v>36.694394000000003</v>
      </c>
      <c r="E61" s="3">
        <v>137.253705</v>
      </c>
      <c r="F61" s="1" t="s">
        <v>236</v>
      </c>
      <c r="G61" s="1" t="s">
        <v>1265</v>
      </c>
      <c r="H61" s="1" t="s">
        <v>16</v>
      </c>
      <c r="I61" s="1" t="s">
        <v>24</v>
      </c>
      <c r="J61" s="1" t="s">
        <v>24</v>
      </c>
      <c r="K61" s="2">
        <v>1</v>
      </c>
      <c r="L61" s="2">
        <v>1</v>
      </c>
      <c r="M61" s="2">
        <v>0</v>
      </c>
      <c r="N61" s="2">
        <v>1</v>
      </c>
      <c r="O61" s="2">
        <v>0</v>
      </c>
      <c r="P61" s="2">
        <v>1</v>
      </c>
      <c r="Q61" s="2">
        <v>0</v>
      </c>
      <c r="R61" s="2">
        <v>0</v>
      </c>
      <c r="S61" s="2">
        <v>650</v>
      </c>
      <c r="T61" s="2" t="s">
        <v>1159</v>
      </c>
    </row>
    <row r="62" spans="1:20" ht="20.100000000000001" customHeight="1">
      <c r="A62" s="1" t="s">
        <v>237</v>
      </c>
      <c r="B62" s="2" t="s">
        <v>238</v>
      </c>
      <c r="C62" s="1" t="s">
        <v>239</v>
      </c>
      <c r="D62" s="3">
        <v>36.691873000000001</v>
      </c>
      <c r="E62" s="3">
        <v>137.27354399999999</v>
      </c>
      <c r="F62" s="1" t="s">
        <v>240</v>
      </c>
      <c r="G62" s="1" t="s">
        <v>1265</v>
      </c>
      <c r="H62" s="1" t="s">
        <v>16</v>
      </c>
      <c r="I62" s="1" t="s">
        <v>24</v>
      </c>
      <c r="J62" s="1" t="s">
        <v>24</v>
      </c>
      <c r="K62" s="2">
        <v>1</v>
      </c>
      <c r="L62" s="2">
        <v>1</v>
      </c>
      <c r="M62" s="2">
        <v>0</v>
      </c>
      <c r="N62" s="2">
        <v>1</v>
      </c>
      <c r="O62" s="2">
        <v>0</v>
      </c>
      <c r="P62" s="2">
        <v>1</v>
      </c>
      <c r="Q62" s="2">
        <v>0</v>
      </c>
      <c r="R62" s="2">
        <v>0</v>
      </c>
      <c r="S62" s="2">
        <v>560</v>
      </c>
      <c r="T62" s="2" t="s">
        <v>1159</v>
      </c>
    </row>
    <row r="63" spans="1:20" ht="20.100000000000001" customHeight="1">
      <c r="A63" s="1" t="s">
        <v>241</v>
      </c>
      <c r="B63" s="2" t="s">
        <v>242</v>
      </c>
      <c r="C63" s="1" t="s">
        <v>243</v>
      </c>
      <c r="D63" s="3">
        <v>36.668551999999998</v>
      </c>
      <c r="E63" s="3">
        <v>137.24069299999999</v>
      </c>
      <c r="F63" s="1" t="s">
        <v>244</v>
      </c>
      <c r="G63" s="1" t="s">
        <v>1265</v>
      </c>
      <c r="H63" s="1" t="s">
        <v>16</v>
      </c>
      <c r="I63" s="1" t="s">
        <v>24</v>
      </c>
      <c r="J63" s="1" t="s">
        <v>24</v>
      </c>
      <c r="K63" s="2">
        <v>1</v>
      </c>
      <c r="L63" s="2">
        <v>1</v>
      </c>
      <c r="M63" s="2">
        <v>0</v>
      </c>
      <c r="N63" s="2">
        <v>1</v>
      </c>
      <c r="O63" s="2">
        <v>0</v>
      </c>
      <c r="P63" s="2">
        <v>1</v>
      </c>
      <c r="Q63" s="2">
        <v>0</v>
      </c>
      <c r="R63" s="2">
        <v>0</v>
      </c>
      <c r="S63" s="2">
        <v>750</v>
      </c>
      <c r="T63" s="2" t="s">
        <v>1159</v>
      </c>
    </row>
    <row r="64" spans="1:20" ht="20.100000000000001" customHeight="1">
      <c r="A64" s="1" t="s">
        <v>245</v>
      </c>
      <c r="B64" s="2" t="s">
        <v>246</v>
      </c>
      <c r="C64" s="1" t="s">
        <v>247</v>
      </c>
      <c r="D64" s="3">
        <v>36.634278000000002</v>
      </c>
      <c r="E64" s="3">
        <v>137.21219199999999</v>
      </c>
      <c r="F64" s="1" t="s">
        <v>248</v>
      </c>
      <c r="G64" s="1" t="s">
        <v>1265</v>
      </c>
      <c r="H64" s="1" t="s">
        <v>16</v>
      </c>
      <c r="I64" s="1" t="s">
        <v>24</v>
      </c>
      <c r="J64" s="1" t="s">
        <v>24</v>
      </c>
      <c r="K64" s="2">
        <v>1</v>
      </c>
      <c r="L64" s="2">
        <v>1</v>
      </c>
      <c r="M64" s="2">
        <v>0</v>
      </c>
      <c r="N64" s="2">
        <v>1</v>
      </c>
      <c r="O64" s="2">
        <v>0</v>
      </c>
      <c r="P64" s="2">
        <v>1</v>
      </c>
      <c r="Q64" s="2">
        <v>0</v>
      </c>
      <c r="R64" s="2">
        <v>0</v>
      </c>
      <c r="S64" s="2">
        <v>440</v>
      </c>
      <c r="T64" s="2" t="s">
        <v>1159</v>
      </c>
    </row>
    <row r="65" spans="1:20" ht="20.100000000000001" customHeight="1">
      <c r="A65" s="1" t="s">
        <v>249</v>
      </c>
      <c r="B65" s="2" t="s">
        <v>250</v>
      </c>
      <c r="C65" s="1" t="s">
        <v>251</v>
      </c>
      <c r="D65" s="3">
        <v>36.617282000000003</v>
      </c>
      <c r="E65" s="3">
        <v>137.251912</v>
      </c>
      <c r="F65" s="1" t="s">
        <v>252</v>
      </c>
      <c r="G65" s="1" t="s">
        <v>1265</v>
      </c>
      <c r="H65" s="1" t="s">
        <v>16</v>
      </c>
      <c r="I65" s="1" t="s">
        <v>24</v>
      </c>
      <c r="J65" s="1" t="s">
        <v>24</v>
      </c>
      <c r="K65" s="2">
        <v>1</v>
      </c>
      <c r="L65" s="2">
        <v>1</v>
      </c>
      <c r="M65" s="2">
        <v>0</v>
      </c>
      <c r="N65" s="2">
        <v>1</v>
      </c>
      <c r="O65" s="2">
        <v>0</v>
      </c>
      <c r="P65" s="2">
        <v>1</v>
      </c>
      <c r="Q65" s="2">
        <v>0</v>
      </c>
      <c r="R65" s="2">
        <v>0</v>
      </c>
      <c r="S65" s="2">
        <v>490</v>
      </c>
      <c r="T65" s="2" t="s">
        <v>1159</v>
      </c>
    </row>
    <row r="66" spans="1:20" ht="20.100000000000001" customHeight="1">
      <c r="A66" s="1" t="s">
        <v>253</v>
      </c>
      <c r="B66" s="2" t="s">
        <v>254</v>
      </c>
      <c r="C66" s="1" t="s">
        <v>255</v>
      </c>
      <c r="D66" s="3">
        <v>36.749191000000003</v>
      </c>
      <c r="E66" s="3">
        <v>137.186049</v>
      </c>
      <c r="F66" s="1" t="s">
        <v>256</v>
      </c>
      <c r="G66" s="1" t="s">
        <v>1265</v>
      </c>
      <c r="H66" s="1" t="s">
        <v>16</v>
      </c>
      <c r="I66" s="1" t="s">
        <v>24</v>
      </c>
      <c r="J66" s="1" t="s">
        <v>24</v>
      </c>
      <c r="K66" s="2">
        <v>1</v>
      </c>
      <c r="L66" s="2">
        <v>1</v>
      </c>
      <c r="M66" s="2">
        <v>0</v>
      </c>
      <c r="N66" s="2">
        <v>1</v>
      </c>
      <c r="O66" s="2">
        <v>0</v>
      </c>
      <c r="P66" s="2">
        <v>1</v>
      </c>
      <c r="Q66" s="2">
        <v>0</v>
      </c>
      <c r="R66" s="2">
        <v>0</v>
      </c>
      <c r="S66" s="2">
        <v>580</v>
      </c>
      <c r="T66" s="2" t="s">
        <v>1159</v>
      </c>
    </row>
    <row r="67" spans="1:20" ht="20.100000000000001" customHeight="1">
      <c r="A67" s="1" t="s">
        <v>257</v>
      </c>
      <c r="B67" s="2" t="s">
        <v>258</v>
      </c>
      <c r="C67" s="1" t="s">
        <v>259</v>
      </c>
      <c r="D67" s="3">
        <v>36.712375000000002</v>
      </c>
      <c r="E67" s="3">
        <v>137.164895</v>
      </c>
      <c r="F67" s="1" t="s">
        <v>260</v>
      </c>
      <c r="G67" s="1" t="s">
        <v>1265</v>
      </c>
      <c r="H67" s="1" t="s">
        <v>16</v>
      </c>
      <c r="I67" s="1" t="s">
        <v>24</v>
      </c>
      <c r="J67" s="1" t="s">
        <v>24</v>
      </c>
      <c r="K67" s="2">
        <v>1</v>
      </c>
      <c r="L67" s="2">
        <v>1</v>
      </c>
      <c r="M67" s="2">
        <v>0</v>
      </c>
      <c r="N67" s="2">
        <v>1</v>
      </c>
      <c r="O67" s="2">
        <v>0</v>
      </c>
      <c r="P67" s="2">
        <v>1</v>
      </c>
      <c r="Q67" s="2">
        <v>0</v>
      </c>
      <c r="R67" s="2">
        <v>0</v>
      </c>
      <c r="S67" s="2">
        <v>640</v>
      </c>
    </row>
    <row r="68" spans="1:20" ht="20.100000000000001" customHeight="1">
      <c r="A68" s="1" t="s">
        <v>261</v>
      </c>
      <c r="B68" s="2" t="s">
        <v>262</v>
      </c>
      <c r="C68" s="1" t="s">
        <v>263</v>
      </c>
      <c r="D68" s="3">
        <v>36.750960390000003</v>
      </c>
      <c r="E68" s="3">
        <v>137.3069873</v>
      </c>
      <c r="F68" s="1" t="s">
        <v>264</v>
      </c>
      <c r="G68" s="1" t="s">
        <v>1265</v>
      </c>
      <c r="H68" s="1" t="s">
        <v>16</v>
      </c>
      <c r="I68" s="1" t="s">
        <v>24</v>
      </c>
      <c r="J68" s="1" t="s">
        <v>24</v>
      </c>
      <c r="K68" s="2">
        <v>1</v>
      </c>
      <c r="L68" s="2">
        <v>1</v>
      </c>
      <c r="M68" s="2">
        <v>0</v>
      </c>
      <c r="N68" s="2">
        <v>1</v>
      </c>
      <c r="O68" s="2">
        <v>1</v>
      </c>
      <c r="P68" s="2">
        <v>1</v>
      </c>
      <c r="Q68" s="2">
        <v>0</v>
      </c>
      <c r="R68" s="2">
        <v>0</v>
      </c>
      <c r="S68" s="2" t="s">
        <v>1107</v>
      </c>
      <c r="T68" s="2" t="s">
        <v>1159</v>
      </c>
    </row>
    <row r="69" spans="1:20" ht="20.100000000000001" customHeight="1">
      <c r="A69" s="1" t="s">
        <v>265</v>
      </c>
      <c r="B69" s="2" t="s">
        <v>266</v>
      </c>
      <c r="C69" s="1" t="s">
        <v>267</v>
      </c>
      <c r="D69" s="3">
        <v>36.722434999999997</v>
      </c>
      <c r="E69" s="3">
        <v>137.312816</v>
      </c>
      <c r="F69" s="1" t="s">
        <v>268</v>
      </c>
      <c r="G69" s="1" t="s">
        <v>1265</v>
      </c>
      <c r="H69" s="1" t="s">
        <v>16</v>
      </c>
      <c r="I69" s="1" t="s">
        <v>24</v>
      </c>
      <c r="J69" s="1" t="s">
        <v>24</v>
      </c>
      <c r="K69" s="2">
        <v>1</v>
      </c>
      <c r="L69" s="2">
        <v>1</v>
      </c>
      <c r="M69" s="2">
        <v>0</v>
      </c>
      <c r="N69" s="2">
        <v>1</v>
      </c>
      <c r="O69" s="2">
        <v>0</v>
      </c>
      <c r="P69" s="2">
        <v>1</v>
      </c>
      <c r="Q69" s="2">
        <v>0</v>
      </c>
      <c r="R69" s="2">
        <v>0</v>
      </c>
      <c r="S69" s="2">
        <v>420</v>
      </c>
    </row>
    <row r="70" spans="1:20" ht="20.100000000000001" customHeight="1">
      <c r="A70" s="1" t="s">
        <v>269</v>
      </c>
      <c r="B70" s="2" t="s">
        <v>270</v>
      </c>
      <c r="C70" s="1" t="s">
        <v>90</v>
      </c>
      <c r="D70" s="3">
        <v>36.695881999999997</v>
      </c>
      <c r="E70" s="3">
        <v>137.203698</v>
      </c>
      <c r="F70" s="1" t="s">
        <v>271</v>
      </c>
      <c r="G70" s="1" t="s">
        <v>1265</v>
      </c>
      <c r="H70" s="1" t="s">
        <v>16</v>
      </c>
      <c r="I70" s="1" t="s">
        <v>24</v>
      </c>
      <c r="J70" s="1" t="s">
        <v>24</v>
      </c>
      <c r="K70" s="2">
        <v>1</v>
      </c>
      <c r="L70" s="2">
        <v>1</v>
      </c>
      <c r="M70" s="2">
        <v>0</v>
      </c>
      <c r="N70" s="2">
        <v>1</v>
      </c>
      <c r="O70" s="2">
        <v>0</v>
      </c>
      <c r="P70" s="2">
        <v>1</v>
      </c>
      <c r="Q70" s="2">
        <v>0</v>
      </c>
      <c r="R70" s="2">
        <v>0</v>
      </c>
      <c r="S70" s="2">
        <v>870</v>
      </c>
      <c r="T70" s="2" t="s">
        <v>1160</v>
      </c>
    </row>
    <row r="71" spans="1:20" ht="20.100000000000001" customHeight="1">
      <c r="A71" s="1" t="s">
        <v>272</v>
      </c>
      <c r="B71" s="2" t="s">
        <v>273</v>
      </c>
      <c r="C71" s="1" t="s">
        <v>274</v>
      </c>
      <c r="D71" s="3">
        <v>36.672595000000001</v>
      </c>
      <c r="E71" s="3">
        <v>137.217398</v>
      </c>
      <c r="F71" s="1" t="s">
        <v>275</v>
      </c>
      <c r="G71" s="1" t="s">
        <v>1265</v>
      </c>
      <c r="H71" s="1" t="s">
        <v>16</v>
      </c>
      <c r="I71" s="1" t="s">
        <v>24</v>
      </c>
      <c r="J71" s="1" t="s">
        <v>24</v>
      </c>
      <c r="K71" s="2">
        <v>1</v>
      </c>
      <c r="L71" s="2">
        <v>1</v>
      </c>
      <c r="M71" s="2">
        <v>0</v>
      </c>
      <c r="N71" s="2">
        <v>1</v>
      </c>
      <c r="O71" s="2">
        <v>0</v>
      </c>
      <c r="P71" s="2">
        <v>1</v>
      </c>
      <c r="Q71" s="2">
        <v>0</v>
      </c>
      <c r="R71" s="2">
        <v>0</v>
      </c>
      <c r="S71" s="2">
        <v>820</v>
      </c>
      <c r="T71" s="2" t="s">
        <v>1159</v>
      </c>
    </row>
    <row r="72" spans="1:20" ht="20.100000000000001" customHeight="1">
      <c r="A72" s="1" t="s">
        <v>276</v>
      </c>
      <c r="B72" s="2" t="s">
        <v>277</v>
      </c>
      <c r="C72" s="1" t="s">
        <v>278</v>
      </c>
      <c r="D72" s="3">
        <v>36.674841000000001</v>
      </c>
      <c r="E72" s="3">
        <v>137.22098500000001</v>
      </c>
      <c r="F72" s="1" t="s">
        <v>279</v>
      </c>
      <c r="G72" s="1" t="s">
        <v>1265</v>
      </c>
      <c r="H72" s="1" t="s">
        <v>16</v>
      </c>
      <c r="I72" s="1" t="s">
        <v>24</v>
      </c>
      <c r="J72" s="1" t="s">
        <v>24</v>
      </c>
      <c r="K72" s="2">
        <v>1</v>
      </c>
      <c r="L72" s="2">
        <v>1</v>
      </c>
      <c r="M72" s="2">
        <v>0</v>
      </c>
      <c r="N72" s="2">
        <v>1</v>
      </c>
      <c r="O72" s="2">
        <v>0</v>
      </c>
      <c r="P72" s="2">
        <v>1</v>
      </c>
      <c r="Q72" s="2">
        <v>0</v>
      </c>
      <c r="R72" s="2">
        <v>0</v>
      </c>
      <c r="S72" s="2">
        <v>780</v>
      </c>
      <c r="T72" s="2" t="s">
        <v>1159</v>
      </c>
    </row>
    <row r="73" spans="1:20" ht="20.100000000000001" customHeight="1">
      <c r="A73" s="1" t="s">
        <v>280</v>
      </c>
      <c r="B73" s="2" t="s">
        <v>281</v>
      </c>
      <c r="C73" s="1" t="s">
        <v>282</v>
      </c>
      <c r="D73" s="3">
        <v>36.650964000000002</v>
      </c>
      <c r="E73" s="3">
        <v>137.24413000000001</v>
      </c>
      <c r="F73" s="1" t="s">
        <v>283</v>
      </c>
      <c r="G73" s="1" t="s">
        <v>1265</v>
      </c>
      <c r="H73" s="1" t="s">
        <v>16</v>
      </c>
      <c r="I73" s="1" t="s">
        <v>24</v>
      </c>
      <c r="J73" s="1" t="s">
        <v>24</v>
      </c>
      <c r="K73" s="2">
        <v>1</v>
      </c>
      <c r="L73" s="2">
        <v>1</v>
      </c>
      <c r="M73" s="2">
        <v>0</v>
      </c>
      <c r="N73" s="2">
        <v>1</v>
      </c>
      <c r="O73" s="2">
        <v>0</v>
      </c>
      <c r="P73" s="2">
        <v>1</v>
      </c>
      <c r="Q73" s="2">
        <v>0</v>
      </c>
      <c r="R73" s="2">
        <v>0</v>
      </c>
      <c r="S73" s="2">
        <v>1080</v>
      </c>
      <c r="T73" s="2" t="s">
        <v>1159</v>
      </c>
    </row>
    <row r="74" spans="1:20" ht="20.100000000000001" customHeight="1">
      <c r="A74" s="1" t="s">
        <v>284</v>
      </c>
      <c r="B74" s="2" t="s">
        <v>285</v>
      </c>
      <c r="C74" s="1" t="s">
        <v>286</v>
      </c>
      <c r="D74" s="3">
        <v>36.685110000000002</v>
      </c>
      <c r="E74" s="3">
        <v>137.23872600000001</v>
      </c>
      <c r="F74" s="1" t="s">
        <v>287</v>
      </c>
      <c r="G74" s="1" t="s">
        <v>1265</v>
      </c>
      <c r="H74" s="1" t="s">
        <v>16</v>
      </c>
      <c r="I74" s="1" t="s">
        <v>24</v>
      </c>
      <c r="J74" s="1" t="s">
        <v>24</v>
      </c>
      <c r="K74" s="2">
        <v>1</v>
      </c>
      <c r="L74" s="2">
        <v>1</v>
      </c>
      <c r="M74" s="2">
        <v>0</v>
      </c>
      <c r="N74" s="2">
        <v>1</v>
      </c>
      <c r="O74" s="2">
        <v>0</v>
      </c>
      <c r="P74" s="2">
        <v>1</v>
      </c>
      <c r="Q74" s="2">
        <v>0</v>
      </c>
      <c r="R74" s="2">
        <v>0</v>
      </c>
      <c r="S74" s="2">
        <v>160</v>
      </c>
      <c r="T74" s="2" t="s">
        <v>1159</v>
      </c>
    </row>
    <row r="75" spans="1:20" ht="20.100000000000001" customHeight="1">
      <c r="A75" s="1" t="s">
        <v>288</v>
      </c>
      <c r="B75" s="2" t="s">
        <v>289</v>
      </c>
      <c r="C75" s="1" t="s">
        <v>290</v>
      </c>
      <c r="D75" s="3">
        <v>36.701248999999997</v>
      </c>
      <c r="E75" s="3">
        <v>137.219021</v>
      </c>
      <c r="F75" s="1" t="s">
        <v>291</v>
      </c>
      <c r="G75" s="1" t="s">
        <v>1265</v>
      </c>
      <c r="H75" s="1" t="s">
        <v>16</v>
      </c>
      <c r="I75" s="1" t="s">
        <v>24</v>
      </c>
      <c r="J75" s="1" t="s">
        <v>24</v>
      </c>
      <c r="K75" s="2" t="s">
        <v>1183</v>
      </c>
      <c r="L75" s="2">
        <v>1</v>
      </c>
      <c r="M75" s="2">
        <v>0</v>
      </c>
      <c r="N75" s="2">
        <v>1</v>
      </c>
      <c r="O75" s="2">
        <v>0</v>
      </c>
      <c r="P75" s="2">
        <v>1</v>
      </c>
      <c r="Q75" s="2">
        <v>0</v>
      </c>
      <c r="R75" s="2">
        <v>0</v>
      </c>
      <c r="S75" s="2">
        <v>1320</v>
      </c>
    </row>
    <row r="76" spans="1:20" ht="20.100000000000001" customHeight="1">
      <c r="A76" s="1" t="s">
        <v>292</v>
      </c>
      <c r="B76" s="2" t="s">
        <v>293</v>
      </c>
      <c r="C76" s="1" t="s">
        <v>294</v>
      </c>
      <c r="D76" s="3">
        <v>36.705227999999998</v>
      </c>
      <c r="E76" s="3">
        <v>137.19491099999999</v>
      </c>
      <c r="F76" s="1" t="s">
        <v>295</v>
      </c>
      <c r="G76" s="1" t="s">
        <v>1265</v>
      </c>
      <c r="H76" s="1" t="s">
        <v>16</v>
      </c>
      <c r="I76" s="1" t="s">
        <v>24</v>
      </c>
      <c r="J76" s="1" t="s">
        <v>24</v>
      </c>
      <c r="K76" s="2">
        <v>1</v>
      </c>
      <c r="L76" s="2">
        <v>1</v>
      </c>
      <c r="M76" s="2">
        <v>0</v>
      </c>
      <c r="N76" s="2">
        <v>1</v>
      </c>
      <c r="O76" s="2">
        <v>0</v>
      </c>
      <c r="P76" s="2">
        <v>1</v>
      </c>
      <c r="Q76" s="2">
        <v>0</v>
      </c>
      <c r="R76" s="2">
        <v>0</v>
      </c>
      <c r="S76" s="2">
        <v>710</v>
      </c>
      <c r="T76" s="2" t="s">
        <v>1159</v>
      </c>
    </row>
    <row r="77" spans="1:20" ht="20.100000000000001" customHeight="1">
      <c r="A77" s="1" t="s">
        <v>296</v>
      </c>
      <c r="B77" s="2" t="s">
        <v>297</v>
      </c>
      <c r="C77" s="1" t="s">
        <v>298</v>
      </c>
      <c r="D77" s="3">
        <v>36.698518999999997</v>
      </c>
      <c r="E77" s="3">
        <v>137.193533</v>
      </c>
      <c r="F77" s="1" t="s">
        <v>299</v>
      </c>
      <c r="G77" s="1" t="s">
        <v>1265</v>
      </c>
      <c r="H77" s="1" t="s">
        <v>16</v>
      </c>
      <c r="I77" s="1" t="s">
        <v>24</v>
      </c>
      <c r="J77" s="1" t="s">
        <v>24</v>
      </c>
      <c r="K77" s="2">
        <v>1</v>
      </c>
      <c r="L77" s="2">
        <v>1</v>
      </c>
      <c r="M77" s="2">
        <v>0</v>
      </c>
      <c r="N77" s="2">
        <v>1</v>
      </c>
      <c r="O77" s="2">
        <v>0</v>
      </c>
      <c r="P77" s="2">
        <v>1</v>
      </c>
      <c r="Q77" s="2">
        <v>0</v>
      </c>
      <c r="R77" s="2">
        <v>0</v>
      </c>
      <c r="S77" s="2">
        <v>750</v>
      </c>
      <c r="T77" s="2" t="s">
        <v>1160</v>
      </c>
    </row>
    <row r="78" spans="1:20" ht="20.100000000000001" customHeight="1">
      <c r="A78" s="1" t="s">
        <v>300</v>
      </c>
      <c r="B78" s="2" t="s">
        <v>301</v>
      </c>
      <c r="C78" s="1" t="s">
        <v>302</v>
      </c>
      <c r="D78" s="3">
        <v>36.699311999999999</v>
      </c>
      <c r="E78" s="3">
        <v>137.186103</v>
      </c>
      <c r="F78" s="1" t="s">
        <v>303</v>
      </c>
      <c r="G78" s="1" t="s">
        <v>1265</v>
      </c>
      <c r="H78" s="1" t="s">
        <v>16</v>
      </c>
      <c r="I78" s="1" t="s">
        <v>24</v>
      </c>
      <c r="J78" s="1" t="s">
        <v>24</v>
      </c>
      <c r="K78" s="2">
        <v>1</v>
      </c>
      <c r="L78" s="2">
        <v>1</v>
      </c>
      <c r="M78" s="2">
        <v>0</v>
      </c>
      <c r="N78" s="2">
        <v>1</v>
      </c>
      <c r="O78" s="2">
        <v>0</v>
      </c>
      <c r="P78" s="2">
        <v>1</v>
      </c>
      <c r="Q78" s="2">
        <v>0</v>
      </c>
      <c r="R78" s="2">
        <v>0</v>
      </c>
      <c r="S78" s="2">
        <v>1640</v>
      </c>
      <c r="T78" s="2" t="s">
        <v>1159</v>
      </c>
    </row>
    <row r="79" spans="1:20" ht="20.100000000000001" customHeight="1">
      <c r="A79" s="1" t="s">
        <v>304</v>
      </c>
      <c r="B79" s="2" t="s">
        <v>305</v>
      </c>
      <c r="C79" s="1" t="s">
        <v>306</v>
      </c>
      <c r="D79" s="3">
        <v>36.679788000000002</v>
      </c>
      <c r="E79" s="3">
        <v>137.141932</v>
      </c>
      <c r="F79" s="1" t="s">
        <v>307</v>
      </c>
      <c r="G79" s="1" t="s">
        <v>1265</v>
      </c>
      <c r="H79" s="1" t="s">
        <v>16</v>
      </c>
      <c r="I79" s="1" t="s">
        <v>24</v>
      </c>
      <c r="J79" s="1" t="s">
        <v>24</v>
      </c>
      <c r="K79" s="2">
        <v>1</v>
      </c>
      <c r="L79" s="2">
        <v>1</v>
      </c>
      <c r="M79" s="2">
        <v>0</v>
      </c>
      <c r="N79" s="2">
        <v>1</v>
      </c>
      <c r="O79" s="2">
        <v>0</v>
      </c>
      <c r="P79" s="2">
        <v>1</v>
      </c>
      <c r="Q79" s="2">
        <v>0</v>
      </c>
      <c r="R79" s="2">
        <v>0</v>
      </c>
      <c r="S79" s="2">
        <v>630</v>
      </c>
    </row>
    <row r="80" spans="1:20" ht="20.100000000000001" customHeight="1">
      <c r="A80" s="1" t="s">
        <v>308</v>
      </c>
      <c r="B80" s="2" t="s">
        <v>309</v>
      </c>
      <c r="C80" s="1" t="s">
        <v>310</v>
      </c>
      <c r="D80" s="3">
        <v>36.693026000000003</v>
      </c>
      <c r="E80" s="3">
        <v>137.188356</v>
      </c>
      <c r="F80" s="1" t="s">
        <v>311</v>
      </c>
      <c r="G80" s="1" t="s">
        <v>1265</v>
      </c>
      <c r="H80" s="1" t="s">
        <v>16</v>
      </c>
      <c r="I80" s="1" t="s">
        <v>24</v>
      </c>
      <c r="J80" s="1" t="s">
        <v>24</v>
      </c>
      <c r="K80" s="2">
        <v>1</v>
      </c>
      <c r="L80" s="2">
        <v>1</v>
      </c>
      <c r="M80" s="2">
        <v>0</v>
      </c>
      <c r="N80" s="2">
        <v>1</v>
      </c>
      <c r="O80" s="2">
        <v>0</v>
      </c>
      <c r="P80" s="2">
        <v>1</v>
      </c>
      <c r="Q80" s="2">
        <v>0</v>
      </c>
      <c r="R80" s="2">
        <v>0</v>
      </c>
      <c r="S80" s="2">
        <v>810</v>
      </c>
      <c r="T80" s="2" t="s">
        <v>1159</v>
      </c>
    </row>
    <row r="81" spans="1:20" ht="20.100000000000001" customHeight="1">
      <c r="A81" s="1" t="s">
        <v>312</v>
      </c>
      <c r="B81" s="2" t="s">
        <v>313</v>
      </c>
      <c r="C81" s="1" t="s">
        <v>314</v>
      </c>
      <c r="D81" s="3">
        <v>36.742437000000002</v>
      </c>
      <c r="E81" s="3">
        <v>137.23461900000001</v>
      </c>
      <c r="F81" s="1" t="s">
        <v>315</v>
      </c>
      <c r="G81" s="1" t="s">
        <v>1265</v>
      </c>
      <c r="H81" s="1" t="s">
        <v>16</v>
      </c>
      <c r="I81" s="1" t="s">
        <v>24</v>
      </c>
      <c r="J81" s="1" t="s">
        <v>24</v>
      </c>
      <c r="K81" s="2">
        <v>1</v>
      </c>
      <c r="L81" s="2">
        <v>1</v>
      </c>
      <c r="M81" s="2">
        <v>0</v>
      </c>
      <c r="N81" s="2">
        <v>1</v>
      </c>
      <c r="O81" s="2">
        <v>0</v>
      </c>
      <c r="P81" s="2">
        <v>1</v>
      </c>
      <c r="Q81" s="2">
        <v>0</v>
      </c>
      <c r="R81" s="2">
        <v>0</v>
      </c>
      <c r="S81" s="2">
        <v>810</v>
      </c>
      <c r="T81" s="2" t="s">
        <v>1159</v>
      </c>
    </row>
    <row r="82" spans="1:20" ht="20.100000000000001" customHeight="1">
      <c r="A82" s="1" t="s">
        <v>316</v>
      </c>
      <c r="B82" s="2" t="s">
        <v>317</v>
      </c>
      <c r="C82" s="1" t="s">
        <v>318</v>
      </c>
      <c r="D82" s="3">
        <v>36.748775999999999</v>
      </c>
      <c r="E82" s="3">
        <v>137.252949</v>
      </c>
      <c r="F82" s="1" t="s">
        <v>319</v>
      </c>
      <c r="G82" s="1" t="s">
        <v>1265</v>
      </c>
      <c r="H82" s="1" t="s">
        <v>16</v>
      </c>
      <c r="I82" s="1" t="s">
        <v>24</v>
      </c>
      <c r="J82" s="1" t="s">
        <v>24</v>
      </c>
      <c r="K82" s="2">
        <v>1</v>
      </c>
      <c r="L82" s="2">
        <v>1</v>
      </c>
      <c r="M82" s="2">
        <v>0</v>
      </c>
      <c r="N82" s="2">
        <v>1</v>
      </c>
      <c r="O82" s="2">
        <v>0</v>
      </c>
      <c r="P82" s="2">
        <v>1</v>
      </c>
      <c r="Q82" s="2">
        <v>0</v>
      </c>
      <c r="R82" s="2">
        <v>0</v>
      </c>
      <c r="S82" s="2">
        <v>820</v>
      </c>
    </row>
    <row r="83" spans="1:20" ht="20.100000000000001" customHeight="1">
      <c r="A83" s="1" t="s">
        <v>320</v>
      </c>
      <c r="B83" s="2" t="s">
        <v>1190</v>
      </c>
      <c r="C83" s="1" t="s">
        <v>321</v>
      </c>
      <c r="D83" s="3">
        <v>36.759720999999999</v>
      </c>
      <c r="E83" s="3">
        <v>137.26037500000001</v>
      </c>
      <c r="F83" s="1" t="s">
        <v>322</v>
      </c>
      <c r="G83" s="1" t="s">
        <v>1265</v>
      </c>
      <c r="H83" s="1" t="s">
        <v>16</v>
      </c>
      <c r="I83" s="1" t="s">
        <v>24</v>
      </c>
      <c r="J83" s="1" t="s">
        <v>24</v>
      </c>
      <c r="K83" s="2">
        <v>1</v>
      </c>
      <c r="L83" s="2">
        <v>1</v>
      </c>
      <c r="M83" s="2">
        <v>0</v>
      </c>
      <c r="N83" s="2">
        <v>1</v>
      </c>
      <c r="O83" s="2">
        <v>1</v>
      </c>
      <c r="P83" s="2">
        <v>1</v>
      </c>
      <c r="Q83" s="2">
        <v>0</v>
      </c>
      <c r="R83" s="2">
        <v>0</v>
      </c>
      <c r="S83" s="2">
        <v>170</v>
      </c>
    </row>
    <row r="84" spans="1:20" ht="20.100000000000001" customHeight="1">
      <c r="A84" s="1" t="s">
        <v>323</v>
      </c>
      <c r="B84" s="2" t="s">
        <v>324</v>
      </c>
      <c r="C84" s="1" t="s">
        <v>325</v>
      </c>
      <c r="D84" s="3">
        <v>36.740949999999998</v>
      </c>
      <c r="E84" s="3">
        <v>137.256756</v>
      </c>
      <c r="F84" s="1" t="s">
        <v>326</v>
      </c>
      <c r="G84" s="1" t="s">
        <v>1265</v>
      </c>
      <c r="H84" s="1" t="s">
        <v>16</v>
      </c>
      <c r="I84" s="1" t="s">
        <v>24</v>
      </c>
      <c r="J84" s="1" t="s">
        <v>24</v>
      </c>
      <c r="K84" s="2">
        <v>1</v>
      </c>
      <c r="L84" s="2">
        <v>1</v>
      </c>
      <c r="M84" s="2">
        <v>0</v>
      </c>
      <c r="N84" s="2">
        <v>1</v>
      </c>
      <c r="O84" s="2">
        <v>0</v>
      </c>
      <c r="P84" s="2">
        <v>1</v>
      </c>
      <c r="Q84" s="2">
        <v>0</v>
      </c>
      <c r="R84" s="2">
        <v>0</v>
      </c>
      <c r="S84" s="2">
        <v>310</v>
      </c>
      <c r="T84" s="2" t="s">
        <v>1159</v>
      </c>
    </row>
    <row r="85" spans="1:20" ht="20.100000000000001" customHeight="1">
      <c r="A85" s="1" t="s">
        <v>327</v>
      </c>
      <c r="B85" s="2" t="s">
        <v>328</v>
      </c>
      <c r="C85" s="1" t="s">
        <v>329</v>
      </c>
      <c r="D85" s="3">
        <v>36.700538000000002</v>
      </c>
      <c r="E85" s="3">
        <v>137.262473</v>
      </c>
      <c r="F85" s="1" t="s">
        <v>330</v>
      </c>
      <c r="G85" s="1" t="s">
        <v>1265</v>
      </c>
      <c r="H85" s="1" t="s">
        <v>16</v>
      </c>
      <c r="I85" s="1" t="s">
        <v>24</v>
      </c>
      <c r="J85" s="1" t="s">
        <v>24</v>
      </c>
      <c r="K85" s="2">
        <v>1</v>
      </c>
      <c r="L85" s="2">
        <v>1</v>
      </c>
      <c r="M85" s="2">
        <v>0</v>
      </c>
      <c r="N85" s="2">
        <v>1</v>
      </c>
      <c r="O85" s="2">
        <v>0</v>
      </c>
      <c r="P85" s="2">
        <v>1</v>
      </c>
      <c r="Q85" s="2">
        <v>0</v>
      </c>
      <c r="R85" s="2">
        <v>0</v>
      </c>
      <c r="S85" s="2">
        <v>470</v>
      </c>
      <c r="T85" s="2" t="s">
        <v>1159</v>
      </c>
    </row>
    <row r="86" spans="1:20" ht="20.100000000000001" customHeight="1">
      <c r="A86" s="1" t="s">
        <v>331</v>
      </c>
      <c r="B86" s="2" t="s">
        <v>332</v>
      </c>
      <c r="C86" s="1" t="s">
        <v>333</v>
      </c>
      <c r="D86" s="3">
        <v>36.706625000000003</v>
      </c>
      <c r="E86" s="3">
        <v>137.265264</v>
      </c>
      <c r="F86" s="1" t="s">
        <v>334</v>
      </c>
      <c r="G86" s="1" t="s">
        <v>1265</v>
      </c>
      <c r="H86" s="1" t="s">
        <v>16</v>
      </c>
      <c r="I86" s="1" t="s">
        <v>24</v>
      </c>
      <c r="J86" s="1" t="s">
        <v>24</v>
      </c>
      <c r="K86" s="2">
        <v>1</v>
      </c>
      <c r="L86" s="2">
        <v>1</v>
      </c>
      <c r="M86" s="2">
        <v>0</v>
      </c>
      <c r="N86" s="2">
        <v>1</v>
      </c>
      <c r="O86" s="2">
        <v>0</v>
      </c>
      <c r="P86" s="2">
        <v>1</v>
      </c>
      <c r="Q86" s="2">
        <v>0</v>
      </c>
      <c r="R86" s="2">
        <v>0</v>
      </c>
      <c r="S86" s="2">
        <v>3010</v>
      </c>
      <c r="T86" s="2" t="s">
        <v>1159</v>
      </c>
    </row>
    <row r="87" spans="1:20" ht="20.100000000000001" customHeight="1">
      <c r="A87" s="1" t="s">
        <v>335</v>
      </c>
      <c r="B87" s="2" t="s">
        <v>336</v>
      </c>
      <c r="C87" s="1" t="s">
        <v>337</v>
      </c>
      <c r="D87" s="3">
        <v>36.693803000000003</v>
      </c>
      <c r="E87" s="3">
        <v>137.267844</v>
      </c>
      <c r="F87" s="1" t="s">
        <v>338</v>
      </c>
      <c r="G87" s="1" t="s">
        <v>1265</v>
      </c>
      <c r="H87" s="1" t="s">
        <v>16</v>
      </c>
      <c r="I87" s="1" t="s">
        <v>24</v>
      </c>
      <c r="J87" s="1" t="s">
        <v>24</v>
      </c>
      <c r="K87" s="2">
        <v>1</v>
      </c>
      <c r="L87" s="2">
        <v>1</v>
      </c>
      <c r="M87" s="2">
        <v>0</v>
      </c>
      <c r="N87" s="2">
        <v>1</v>
      </c>
      <c r="O87" s="2">
        <v>0</v>
      </c>
      <c r="P87" s="2">
        <v>1</v>
      </c>
      <c r="Q87" s="2">
        <v>0</v>
      </c>
      <c r="R87" s="2">
        <v>0</v>
      </c>
      <c r="S87" s="2">
        <v>250</v>
      </c>
      <c r="T87" s="2" t="s">
        <v>1159</v>
      </c>
    </row>
    <row r="88" spans="1:20" ht="20.100000000000001" customHeight="1">
      <c r="A88" s="1" t="s">
        <v>339</v>
      </c>
      <c r="B88" s="2" t="s">
        <v>340</v>
      </c>
      <c r="C88" s="1" t="s">
        <v>341</v>
      </c>
      <c r="D88" s="3">
        <v>36.648532000000003</v>
      </c>
      <c r="E88" s="3">
        <v>137.23712900000001</v>
      </c>
      <c r="F88" s="1" t="s">
        <v>342</v>
      </c>
      <c r="G88" s="1" t="s">
        <v>1265</v>
      </c>
      <c r="H88" s="1" t="s">
        <v>16</v>
      </c>
      <c r="I88" s="1" t="s">
        <v>24</v>
      </c>
      <c r="J88" s="1" t="s">
        <v>24</v>
      </c>
      <c r="K88" s="2">
        <v>1</v>
      </c>
      <c r="L88" s="2">
        <v>1</v>
      </c>
      <c r="M88" s="2">
        <v>0</v>
      </c>
      <c r="N88" s="2">
        <v>1</v>
      </c>
      <c r="O88" s="2">
        <v>0</v>
      </c>
      <c r="P88" s="2">
        <v>1</v>
      </c>
      <c r="Q88" s="2">
        <v>0</v>
      </c>
      <c r="R88" s="2">
        <v>0</v>
      </c>
      <c r="S88" s="2">
        <v>760</v>
      </c>
      <c r="T88" s="2" t="s">
        <v>1159</v>
      </c>
    </row>
    <row r="89" spans="1:20" ht="20.100000000000001" customHeight="1">
      <c r="A89" s="1" t="s">
        <v>343</v>
      </c>
      <c r="B89" s="2" t="s">
        <v>344</v>
      </c>
      <c r="C89" s="1" t="s">
        <v>345</v>
      </c>
      <c r="D89" s="3">
        <v>36.716828</v>
      </c>
      <c r="E89" s="3">
        <v>137.16136299999999</v>
      </c>
      <c r="F89" s="1" t="s">
        <v>346</v>
      </c>
      <c r="G89" s="1" t="s">
        <v>1265</v>
      </c>
      <c r="H89" s="1" t="s">
        <v>16</v>
      </c>
      <c r="I89" s="1" t="s">
        <v>24</v>
      </c>
      <c r="J89" s="1" t="s">
        <v>24</v>
      </c>
      <c r="K89" s="2">
        <v>1</v>
      </c>
      <c r="L89" s="2">
        <v>1</v>
      </c>
      <c r="M89" s="2">
        <v>0</v>
      </c>
      <c r="N89" s="2">
        <v>1</v>
      </c>
      <c r="O89" s="2">
        <v>0</v>
      </c>
      <c r="P89" s="2">
        <v>1</v>
      </c>
      <c r="Q89" s="2">
        <v>0</v>
      </c>
      <c r="R89" s="2">
        <v>0</v>
      </c>
      <c r="S89" s="2">
        <v>810</v>
      </c>
    </row>
    <row r="90" spans="1:20" ht="20.100000000000001" customHeight="1">
      <c r="A90" s="1" t="s">
        <v>347</v>
      </c>
      <c r="B90" s="2" t="s">
        <v>348</v>
      </c>
      <c r="C90" s="1" t="s">
        <v>349</v>
      </c>
      <c r="D90" s="3">
        <v>36.721183000000003</v>
      </c>
      <c r="E90" s="3">
        <v>137.13949400000001</v>
      </c>
      <c r="F90" s="1" t="s">
        <v>350</v>
      </c>
      <c r="G90" s="1" t="s">
        <v>1265</v>
      </c>
      <c r="H90" s="1" t="s">
        <v>16</v>
      </c>
      <c r="I90" s="1" t="s">
        <v>24</v>
      </c>
      <c r="J90" s="1" t="s">
        <v>24</v>
      </c>
      <c r="K90" s="2">
        <v>1</v>
      </c>
      <c r="L90" s="2">
        <v>1</v>
      </c>
      <c r="M90" s="2">
        <v>0</v>
      </c>
      <c r="N90" s="2">
        <v>1</v>
      </c>
      <c r="O90" s="2">
        <v>0</v>
      </c>
      <c r="P90" s="2">
        <v>1</v>
      </c>
      <c r="Q90" s="2">
        <v>0</v>
      </c>
      <c r="R90" s="2">
        <v>0</v>
      </c>
      <c r="S90" s="2">
        <v>780</v>
      </c>
      <c r="T90" s="2" t="s">
        <v>1159</v>
      </c>
    </row>
    <row r="91" spans="1:20" ht="20.100000000000001" customHeight="1">
      <c r="A91" s="1" t="s">
        <v>351</v>
      </c>
      <c r="B91" s="2" t="s">
        <v>352</v>
      </c>
      <c r="C91" s="1" t="s">
        <v>353</v>
      </c>
      <c r="D91" s="3">
        <v>36.692279999999997</v>
      </c>
      <c r="E91" s="3">
        <v>137.16558499999999</v>
      </c>
      <c r="F91" s="1" t="s">
        <v>354</v>
      </c>
      <c r="G91" s="1" t="s">
        <v>1265</v>
      </c>
      <c r="H91" s="1" t="s">
        <v>16</v>
      </c>
      <c r="I91" s="1" t="s">
        <v>24</v>
      </c>
      <c r="J91" s="1" t="s">
        <v>24</v>
      </c>
      <c r="K91" s="2">
        <v>1</v>
      </c>
      <c r="L91" s="2">
        <v>0</v>
      </c>
      <c r="M91" s="2">
        <v>0</v>
      </c>
      <c r="N91" s="2">
        <v>1</v>
      </c>
      <c r="O91" s="2">
        <v>0</v>
      </c>
      <c r="P91" s="2">
        <v>1</v>
      </c>
      <c r="Q91" s="2">
        <v>0</v>
      </c>
      <c r="R91" s="2">
        <v>0</v>
      </c>
      <c r="S91" s="2">
        <v>310</v>
      </c>
      <c r="T91" s="2" t="s">
        <v>1159</v>
      </c>
    </row>
    <row r="92" spans="1:20" ht="20.100000000000001" customHeight="1">
      <c r="A92" s="1" t="s">
        <v>355</v>
      </c>
      <c r="B92" s="2" t="s">
        <v>356</v>
      </c>
      <c r="C92" s="1" t="s">
        <v>357</v>
      </c>
      <c r="D92" s="3">
        <v>36.694240000000001</v>
      </c>
      <c r="E92" s="3">
        <v>137.20261500000001</v>
      </c>
      <c r="F92" s="1" t="s">
        <v>1264</v>
      </c>
      <c r="G92" s="1" t="s">
        <v>1265</v>
      </c>
      <c r="H92" s="1" t="s">
        <v>16</v>
      </c>
      <c r="I92" s="1" t="s">
        <v>24</v>
      </c>
      <c r="J92" s="1" t="s">
        <v>24</v>
      </c>
      <c r="K92" s="2">
        <v>0</v>
      </c>
      <c r="L92" s="2">
        <v>1</v>
      </c>
      <c r="M92" s="2">
        <v>0</v>
      </c>
      <c r="N92" s="2">
        <v>1</v>
      </c>
      <c r="O92" s="2">
        <v>0</v>
      </c>
      <c r="P92" s="2">
        <v>1</v>
      </c>
      <c r="Q92" s="2">
        <v>0</v>
      </c>
      <c r="R92" s="2">
        <v>0</v>
      </c>
      <c r="S92" s="2">
        <v>610</v>
      </c>
    </row>
    <row r="93" spans="1:20" ht="20.100000000000001" customHeight="1">
      <c r="A93" s="1" t="s">
        <v>358</v>
      </c>
      <c r="B93" s="2" t="s">
        <v>359</v>
      </c>
      <c r="C93" s="1" t="s">
        <v>360</v>
      </c>
      <c r="D93" s="3">
        <v>36.706757000000003</v>
      </c>
      <c r="E93" s="3">
        <v>137.21403100000001</v>
      </c>
      <c r="F93" s="1" t="s">
        <v>361</v>
      </c>
      <c r="G93" s="1" t="s">
        <v>1265</v>
      </c>
      <c r="H93" s="1" t="s">
        <v>16</v>
      </c>
      <c r="I93" s="1" t="s">
        <v>24</v>
      </c>
      <c r="J93" s="1" t="s">
        <v>24</v>
      </c>
      <c r="K93" s="2" t="s">
        <v>1183</v>
      </c>
      <c r="L93" s="2">
        <v>1</v>
      </c>
      <c r="M93" s="2">
        <v>0</v>
      </c>
      <c r="N93" s="2">
        <v>1</v>
      </c>
      <c r="O93" s="2">
        <v>0</v>
      </c>
      <c r="P93" s="2">
        <v>1</v>
      </c>
      <c r="Q93" s="2">
        <v>0</v>
      </c>
      <c r="R93" s="2">
        <v>0</v>
      </c>
      <c r="S93" s="2">
        <v>1560</v>
      </c>
    </row>
    <row r="94" spans="1:20" ht="20.100000000000001" customHeight="1">
      <c r="A94" s="1" t="s">
        <v>362</v>
      </c>
      <c r="B94" s="2" t="s">
        <v>363</v>
      </c>
      <c r="C94" s="1" t="s">
        <v>364</v>
      </c>
      <c r="D94" s="3">
        <v>36.736955999999999</v>
      </c>
      <c r="E94" s="3">
        <v>137.24759700000001</v>
      </c>
      <c r="F94" s="1" t="s">
        <v>365</v>
      </c>
      <c r="G94" s="1" t="s">
        <v>1265</v>
      </c>
      <c r="H94" s="1" t="s">
        <v>16</v>
      </c>
      <c r="I94" s="1" t="s">
        <v>24</v>
      </c>
      <c r="J94" s="1" t="s">
        <v>24</v>
      </c>
      <c r="K94" s="2">
        <v>0</v>
      </c>
      <c r="L94" s="2">
        <v>1</v>
      </c>
      <c r="M94" s="2">
        <v>0</v>
      </c>
      <c r="N94" s="2">
        <v>1</v>
      </c>
      <c r="O94" s="2">
        <v>0</v>
      </c>
      <c r="P94" s="2">
        <v>1</v>
      </c>
      <c r="Q94" s="2">
        <v>0</v>
      </c>
      <c r="R94" s="2">
        <v>0</v>
      </c>
      <c r="S94" s="2">
        <v>440</v>
      </c>
    </row>
    <row r="95" spans="1:20" ht="20.100000000000001" customHeight="1">
      <c r="A95" s="1" t="s">
        <v>366</v>
      </c>
      <c r="B95" s="2" t="s">
        <v>367</v>
      </c>
      <c r="C95" s="1" t="s">
        <v>1235</v>
      </c>
      <c r="D95" s="3">
        <v>36.680757999999997</v>
      </c>
      <c r="E95" s="3">
        <v>137.24997300000001</v>
      </c>
      <c r="F95" s="1" t="s">
        <v>368</v>
      </c>
      <c r="G95" s="1" t="s">
        <v>1265</v>
      </c>
      <c r="H95" s="1" t="s">
        <v>16</v>
      </c>
      <c r="I95" s="1" t="s">
        <v>24</v>
      </c>
      <c r="J95" s="1" t="s">
        <v>24</v>
      </c>
      <c r="K95" s="2">
        <v>1</v>
      </c>
      <c r="L95" s="2">
        <v>1</v>
      </c>
      <c r="M95" s="2">
        <v>0</v>
      </c>
      <c r="N95" s="2">
        <v>1</v>
      </c>
      <c r="O95" s="2">
        <v>0</v>
      </c>
      <c r="P95" s="2">
        <v>1</v>
      </c>
      <c r="Q95" s="2">
        <v>0</v>
      </c>
      <c r="R95" s="2">
        <v>0</v>
      </c>
      <c r="S95" s="2">
        <v>530</v>
      </c>
    </row>
    <row r="96" spans="1:20" ht="20.100000000000001" customHeight="1">
      <c r="A96" s="1" t="s">
        <v>369</v>
      </c>
      <c r="B96" s="2" t="s">
        <v>1094</v>
      </c>
      <c r="C96" s="1" t="s">
        <v>370</v>
      </c>
      <c r="D96" s="3">
        <v>36.730607999999997</v>
      </c>
      <c r="E96" s="3">
        <v>137.26208600000001</v>
      </c>
      <c r="F96" s="1" t="s">
        <v>371</v>
      </c>
      <c r="G96" s="1" t="s">
        <v>1265</v>
      </c>
      <c r="H96" s="1" t="s">
        <v>16</v>
      </c>
      <c r="I96" s="1" t="s">
        <v>24</v>
      </c>
      <c r="J96" s="1" t="s">
        <v>24</v>
      </c>
      <c r="K96" s="2">
        <v>1</v>
      </c>
      <c r="L96" s="2">
        <v>1</v>
      </c>
      <c r="M96" s="2">
        <v>0</v>
      </c>
      <c r="N96" s="2">
        <v>1</v>
      </c>
      <c r="O96" s="2">
        <v>0</v>
      </c>
      <c r="P96" s="2">
        <v>1</v>
      </c>
      <c r="Q96" s="2">
        <v>0</v>
      </c>
      <c r="R96" s="2">
        <v>0</v>
      </c>
      <c r="S96" s="2">
        <v>370</v>
      </c>
    </row>
    <row r="97" spans="1:20" ht="20.100000000000001" customHeight="1">
      <c r="A97" s="1" t="s">
        <v>372</v>
      </c>
      <c r="B97" s="2" t="s">
        <v>373</v>
      </c>
      <c r="C97" s="1" t="s">
        <v>374</v>
      </c>
      <c r="D97" s="3">
        <v>36.749053000000004</v>
      </c>
      <c r="E97" s="3">
        <v>137.30541099999999</v>
      </c>
      <c r="F97" s="1" t="s">
        <v>375</v>
      </c>
      <c r="G97" s="1" t="s">
        <v>1265</v>
      </c>
      <c r="H97" s="1" t="s">
        <v>16</v>
      </c>
      <c r="I97" s="1" t="s">
        <v>24</v>
      </c>
      <c r="J97" s="1" t="s">
        <v>24</v>
      </c>
      <c r="K97" s="2">
        <v>0</v>
      </c>
      <c r="L97" s="2">
        <v>1</v>
      </c>
      <c r="M97" s="2">
        <v>0</v>
      </c>
      <c r="N97" s="2">
        <v>1</v>
      </c>
      <c r="O97" s="2">
        <v>0</v>
      </c>
      <c r="P97" s="2">
        <v>1</v>
      </c>
      <c r="Q97" s="2">
        <v>0</v>
      </c>
      <c r="R97" s="2">
        <v>0</v>
      </c>
      <c r="S97" s="2">
        <v>280</v>
      </c>
    </row>
    <row r="98" spans="1:20" ht="20.100000000000001" customHeight="1">
      <c r="A98" s="1" t="s">
        <v>376</v>
      </c>
      <c r="B98" s="2" t="s">
        <v>377</v>
      </c>
      <c r="C98" s="1" t="s">
        <v>378</v>
      </c>
      <c r="D98" s="3">
        <v>36.634141999999997</v>
      </c>
      <c r="E98" s="3">
        <v>137.251327</v>
      </c>
      <c r="F98" s="1" t="s">
        <v>379</v>
      </c>
      <c r="G98" s="1" t="s">
        <v>1265</v>
      </c>
      <c r="H98" s="1" t="s">
        <v>16</v>
      </c>
      <c r="I98" s="1" t="s">
        <v>24</v>
      </c>
      <c r="J98" s="1" t="s">
        <v>24</v>
      </c>
      <c r="K98" s="2">
        <v>1</v>
      </c>
      <c r="L98" s="2">
        <v>1</v>
      </c>
      <c r="M98" s="2">
        <v>0</v>
      </c>
      <c r="N98" s="2">
        <v>1</v>
      </c>
      <c r="O98" s="2">
        <v>0</v>
      </c>
      <c r="P98" s="2">
        <v>1</v>
      </c>
      <c r="Q98" s="2">
        <v>0</v>
      </c>
      <c r="R98" s="2">
        <v>0</v>
      </c>
      <c r="S98" s="2" t="s">
        <v>1108</v>
      </c>
      <c r="T98" s="2" t="s">
        <v>1159</v>
      </c>
    </row>
    <row r="99" spans="1:20" ht="20.100000000000001" customHeight="1">
      <c r="A99" s="1" t="s">
        <v>380</v>
      </c>
      <c r="B99" s="2" t="s">
        <v>1100</v>
      </c>
      <c r="C99" s="1" t="s">
        <v>1077</v>
      </c>
      <c r="D99" s="3">
        <v>36.716974069999999</v>
      </c>
      <c r="E99" s="3">
        <v>137.16476230000001</v>
      </c>
      <c r="F99" s="1" t="s">
        <v>381</v>
      </c>
      <c r="G99" s="1" t="s">
        <v>1265</v>
      </c>
      <c r="H99" s="1" t="s">
        <v>16</v>
      </c>
      <c r="I99" s="1" t="s">
        <v>24</v>
      </c>
      <c r="J99" s="1" t="s">
        <v>24</v>
      </c>
      <c r="K99" s="2">
        <v>1</v>
      </c>
      <c r="L99" s="2">
        <v>1</v>
      </c>
      <c r="M99" s="2">
        <v>0</v>
      </c>
      <c r="N99" s="2">
        <v>1</v>
      </c>
      <c r="O99" s="2">
        <v>0</v>
      </c>
      <c r="P99" s="2">
        <v>1</v>
      </c>
      <c r="Q99" s="2">
        <v>0</v>
      </c>
      <c r="R99" s="2">
        <v>0</v>
      </c>
      <c r="S99" s="2">
        <v>1480</v>
      </c>
    </row>
    <row r="100" spans="1:20" ht="20.100000000000001" customHeight="1">
      <c r="A100" s="1" t="s">
        <v>382</v>
      </c>
      <c r="B100" s="53" t="s">
        <v>1326</v>
      </c>
      <c r="C100" s="1" t="s">
        <v>383</v>
      </c>
      <c r="D100" s="3">
        <v>36.522055000000002</v>
      </c>
      <c r="E100" s="3">
        <v>137.232258</v>
      </c>
      <c r="F100" s="1" t="s">
        <v>384</v>
      </c>
      <c r="G100" s="1" t="s">
        <v>1265</v>
      </c>
      <c r="H100" s="1" t="s">
        <v>16</v>
      </c>
      <c r="I100" s="1" t="s">
        <v>24</v>
      </c>
      <c r="J100" s="1" t="s">
        <v>24</v>
      </c>
      <c r="K100" s="2">
        <v>1</v>
      </c>
      <c r="L100" s="2">
        <v>0</v>
      </c>
      <c r="M100" s="2">
        <v>0</v>
      </c>
      <c r="N100" s="2">
        <v>1</v>
      </c>
      <c r="O100" s="2">
        <v>0</v>
      </c>
      <c r="P100" s="2">
        <v>1</v>
      </c>
      <c r="Q100" s="2">
        <v>0</v>
      </c>
      <c r="R100" s="2">
        <v>0</v>
      </c>
      <c r="S100" s="2">
        <v>140</v>
      </c>
    </row>
    <row r="101" spans="1:20" ht="20.100000000000001" customHeight="1">
      <c r="A101" s="1" t="s">
        <v>385</v>
      </c>
      <c r="B101" s="2" t="s">
        <v>386</v>
      </c>
      <c r="C101" s="1" t="s">
        <v>387</v>
      </c>
      <c r="D101" s="3">
        <v>36.564970000000002</v>
      </c>
      <c r="E101" s="3">
        <v>137.18997300000001</v>
      </c>
      <c r="F101" s="1" t="s">
        <v>1264</v>
      </c>
      <c r="G101" s="1" t="s">
        <v>1265</v>
      </c>
      <c r="H101" s="1" t="s">
        <v>16</v>
      </c>
      <c r="I101" s="1" t="s">
        <v>24</v>
      </c>
      <c r="J101" s="1" t="s">
        <v>24</v>
      </c>
      <c r="K101" s="2">
        <v>0</v>
      </c>
      <c r="L101" s="2">
        <v>0</v>
      </c>
      <c r="M101" s="2">
        <v>0</v>
      </c>
      <c r="N101" s="2">
        <v>1</v>
      </c>
      <c r="O101" s="2">
        <v>0</v>
      </c>
      <c r="P101" s="2">
        <v>1</v>
      </c>
      <c r="Q101" s="2">
        <v>0</v>
      </c>
      <c r="R101" s="2">
        <v>0</v>
      </c>
      <c r="S101" s="2">
        <v>230</v>
      </c>
    </row>
    <row r="102" spans="1:20" ht="20.100000000000001" customHeight="1">
      <c r="A102" s="1" t="s">
        <v>388</v>
      </c>
      <c r="B102" s="2" t="s">
        <v>389</v>
      </c>
      <c r="C102" s="1" t="s">
        <v>390</v>
      </c>
      <c r="D102" s="3">
        <v>36.585483000000004</v>
      </c>
      <c r="E102" s="3">
        <v>137.22396599999999</v>
      </c>
      <c r="F102" s="1" t="s">
        <v>391</v>
      </c>
      <c r="G102" s="1" t="s">
        <v>1265</v>
      </c>
      <c r="H102" s="1" t="s">
        <v>16</v>
      </c>
      <c r="I102" s="1" t="s">
        <v>24</v>
      </c>
      <c r="J102" s="1" t="s">
        <v>24</v>
      </c>
      <c r="K102" s="2">
        <v>1</v>
      </c>
      <c r="L102" s="2">
        <v>1</v>
      </c>
      <c r="M102" s="2">
        <v>0</v>
      </c>
      <c r="N102" s="2">
        <v>1</v>
      </c>
      <c r="O102" s="2">
        <v>0</v>
      </c>
      <c r="P102" s="2">
        <v>1</v>
      </c>
      <c r="Q102" s="2">
        <v>0</v>
      </c>
      <c r="R102" s="2">
        <v>0</v>
      </c>
      <c r="S102" s="2">
        <v>450</v>
      </c>
    </row>
    <row r="103" spans="1:20" ht="20.100000000000001" customHeight="1">
      <c r="A103" s="1" t="s">
        <v>392</v>
      </c>
      <c r="B103" s="2" t="s">
        <v>393</v>
      </c>
      <c r="C103" s="1" t="s">
        <v>394</v>
      </c>
      <c r="D103" s="3">
        <v>36.577641999999997</v>
      </c>
      <c r="E103" s="3">
        <v>137.20635300000001</v>
      </c>
      <c r="F103" s="1" t="s">
        <v>395</v>
      </c>
      <c r="G103" s="1" t="s">
        <v>1265</v>
      </c>
      <c r="H103" s="1" t="s">
        <v>16</v>
      </c>
      <c r="I103" s="1" t="s">
        <v>24</v>
      </c>
      <c r="J103" s="1" t="s">
        <v>24</v>
      </c>
      <c r="K103" s="2">
        <v>1</v>
      </c>
      <c r="L103" s="2">
        <v>1</v>
      </c>
      <c r="M103" s="2">
        <v>0</v>
      </c>
      <c r="N103" s="2">
        <v>1</v>
      </c>
      <c r="O103" s="2">
        <v>0</v>
      </c>
      <c r="P103" s="2">
        <v>1</v>
      </c>
      <c r="Q103" s="2">
        <v>0</v>
      </c>
      <c r="R103" s="2">
        <v>0</v>
      </c>
      <c r="S103" s="2">
        <v>770</v>
      </c>
    </row>
    <row r="104" spans="1:20" ht="20.100000000000001" customHeight="1">
      <c r="A104" s="1" t="s">
        <v>396</v>
      </c>
      <c r="B104" s="2" t="s">
        <v>397</v>
      </c>
      <c r="C104" s="1" t="s">
        <v>398</v>
      </c>
      <c r="D104" s="3">
        <v>36.604528999999999</v>
      </c>
      <c r="E104" s="3">
        <v>137.20439500000001</v>
      </c>
      <c r="F104" s="1" t="s">
        <v>399</v>
      </c>
      <c r="G104" s="1" t="s">
        <v>1265</v>
      </c>
      <c r="H104" s="1" t="s">
        <v>16</v>
      </c>
      <c r="I104" s="1" t="s">
        <v>24</v>
      </c>
      <c r="J104" s="1" t="s">
        <v>24</v>
      </c>
      <c r="K104" s="2">
        <v>1</v>
      </c>
      <c r="L104" s="2">
        <v>1</v>
      </c>
      <c r="M104" s="2">
        <v>0</v>
      </c>
      <c r="N104" s="2">
        <v>1</v>
      </c>
      <c r="O104" s="2">
        <v>0</v>
      </c>
      <c r="P104" s="2">
        <v>1</v>
      </c>
      <c r="Q104" s="2">
        <v>0</v>
      </c>
      <c r="R104" s="2">
        <v>0</v>
      </c>
      <c r="S104" s="2">
        <v>520</v>
      </c>
    </row>
    <row r="105" spans="1:20" ht="20.100000000000001" customHeight="1">
      <c r="A105" s="1" t="s">
        <v>400</v>
      </c>
      <c r="B105" s="2" t="s">
        <v>401</v>
      </c>
      <c r="C105" s="1" t="s">
        <v>402</v>
      </c>
      <c r="D105" s="3">
        <v>36.590553999999997</v>
      </c>
      <c r="E105" s="3">
        <v>137.21427199999999</v>
      </c>
      <c r="F105" s="1" t="s">
        <v>403</v>
      </c>
      <c r="G105" s="1" t="s">
        <v>1265</v>
      </c>
      <c r="H105" s="1" t="s">
        <v>16</v>
      </c>
      <c r="I105" s="1" t="s">
        <v>24</v>
      </c>
      <c r="J105" s="1" t="s">
        <v>24</v>
      </c>
      <c r="K105" s="2">
        <v>1</v>
      </c>
      <c r="L105" s="2">
        <v>1</v>
      </c>
      <c r="M105" s="2">
        <v>0</v>
      </c>
      <c r="N105" s="2">
        <v>1</v>
      </c>
      <c r="O105" s="2">
        <v>0</v>
      </c>
      <c r="P105" s="2">
        <v>1</v>
      </c>
      <c r="Q105" s="2">
        <v>0</v>
      </c>
      <c r="R105" s="2">
        <v>0</v>
      </c>
      <c r="S105" s="2">
        <v>910</v>
      </c>
    </row>
    <row r="106" spans="1:20" ht="20.100000000000001" customHeight="1">
      <c r="A106" s="1" t="s">
        <v>404</v>
      </c>
      <c r="B106" s="2" t="s">
        <v>405</v>
      </c>
      <c r="C106" s="1" t="s">
        <v>406</v>
      </c>
      <c r="D106" s="3">
        <v>36.586410999999998</v>
      </c>
      <c r="E106" s="3">
        <v>137.214291</v>
      </c>
      <c r="F106" s="1" t="s">
        <v>407</v>
      </c>
      <c r="G106" s="1" t="s">
        <v>1265</v>
      </c>
      <c r="H106" s="1" t="s">
        <v>16</v>
      </c>
      <c r="I106" s="1" t="s">
        <v>24</v>
      </c>
      <c r="J106" s="1" t="s">
        <v>24</v>
      </c>
      <c r="K106" s="2">
        <v>1</v>
      </c>
      <c r="L106" s="2">
        <v>1</v>
      </c>
      <c r="M106" s="2">
        <v>0</v>
      </c>
      <c r="N106" s="2">
        <v>1</v>
      </c>
      <c r="O106" s="2">
        <v>0</v>
      </c>
      <c r="P106" s="2">
        <v>1</v>
      </c>
      <c r="Q106" s="2">
        <v>0</v>
      </c>
      <c r="R106" s="2">
        <v>0</v>
      </c>
      <c r="S106" s="2">
        <v>360</v>
      </c>
    </row>
    <row r="107" spans="1:20" ht="20.100000000000001" customHeight="1">
      <c r="A107" s="1" t="s">
        <v>408</v>
      </c>
      <c r="B107" s="2" t="s">
        <v>1303</v>
      </c>
      <c r="C107" s="1" t="s">
        <v>409</v>
      </c>
      <c r="D107" s="3">
        <v>36.471097999999998</v>
      </c>
      <c r="E107" s="3">
        <v>137.24288999999999</v>
      </c>
      <c r="F107" s="1" t="s">
        <v>410</v>
      </c>
      <c r="G107" s="1" t="s">
        <v>1265</v>
      </c>
      <c r="H107" s="1" t="s">
        <v>16</v>
      </c>
      <c r="I107" s="1" t="s">
        <v>24</v>
      </c>
      <c r="J107" s="1" t="s">
        <v>24</v>
      </c>
      <c r="K107" s="2">
        <v>1</v>
      </c>
      <c r="L107" s="2">
        <v>0</v>
      </c>
      <c r="M107" s="2">
        <v>0</v>
      </c>
      <c r="N107" s="2">
        <v>1</v>
      </c>
      <c r="O107" s="2">
        <v>0</v>
      </c>
      <c r="P107" s="2">
        <v>1</v>
      </c>
      <c r="Q107" s="2">
        <v>0</v>
      </c>
      <c r="R107" s="2">
        <v>0</v>
      </c>
      <c r="S107" s="2">
        <v>140</v>
      </c>
    </row>
    <row r="108" spans="1:20" ht="20.100000000000001" customHeight="1">
      <c r="A108" s="1" t="s">
        <v>411</v>
      </c>
      <c r="B108" s="2" t="s">
        <v>412</v>
      </c>
      <c r="C108" s="1" t="s">
        <v>409</v>
      </c>
      <c r="D108" s="3">
        <v>36.470854000000003</v>
      </c>
      <c r="E108" s="3">
        <v>137.24297200000001</v>
      </c>
      <c r="F108" s="1" t="s">
        <v>410</v>
      </c>
      <c r="G108" s="1" t="s">
        <v>1265</v>
      </c>
      <c r="H108" s="1" t="s">
        <v>16</v>
      </c>
      <c r="I108" s="1" t="s">
        <v>24</v>
      </c>
      <c r="J108" s="1" t="s">
        <v>24</v>
      </c>
      <c r="K108" s="2">
        <v>1</v>
      </c>
      <c r="L108" s="2">
        <v>0</v>
      </c>
      <c r="M108" s="2">
        <v>0</v>
      </c>
      <c r="N108" s="2">
        <v>1</v>
      </c>
      <c r="O108" s="2">
        <v>0</v>
      </c>
      <c r="P108" s="2">
        <v>1</v>
      </c>
      <c r="Q108" s="2">
        <v>0</v>
      </c>
      <c r="R108" s="2">
        <v>0</v>
      </c>
      <c r="S108" s="2">
        <v>150</v>
      </c>
    </row>
    <row r="109" spans="1:20" ht="20.100000000000001" customHeight="1">
      <c r="A109" s="1" t="s">
        <v>413</v>
      </c>
      <c r="B109" s="2" t="s">
        <v>1304</v>
      </c>
      <c r="C109" s="1" t="s">
        <v>414</v>
      </c>
      <c r="D109" s="3">
        <v>36.564573000000003</v>
      </c>
      <c r="E109" s="3">
        <v>137.19142400000001</v>
      </c>
      <c r="F109" s="1" t="s">
        <v>415</v>
      </c>
      <c r="G109" s="1" t="s">
        <v>1265</v>
      </c>
      <c r="H109" s="1" t="s">
        <v>16</v>
      </c>
      <c r="I109" s="1" t="s">
        <v>24</v>
      </c>
      <c r="J109" s="1" t="s">
        <v>24</v>
      </c>
      <c r="K109" s="2">
        <v>0</v>
      </c>
      <c r="L109" s="2">
        <v>0</v>
      </c>
      <c r="M109" s="2">
        <v>0</v>
      </c>
      <c r="N109" s="2">
        <v>1</v>
      </c>
      <c r="O109" s="2">
        <v>0</v>
      </c>
      <c r="P109" s="2">
        <v>1</v>
      </c>
      <c r="Q109" s="2">
        <v>0</v>
      </c>
      <c r="R109" s="2">
        <v>0</v>
      </c>
      <c r="S109" s="2">
        <v>140</v>
      </c>
    </row>
    <row r="110" spans="1:20" ht="20.100000000000001" customHeight="1">
      <c r="A110" s="1" t="s">
        <v>416</v>
      </c>
      <c r="B110" s="2" t="s">
        <v>1305</v>
      </c>
      <c r="C110" s="1" t="s">
        <v>417</v>
      </c>
      <c r="D110" s="3">
        <v>36.583688000000002</v>
      </c>
      <c r="E110" s="3">
        <v>137.22153900000001</v>
      </c>
      <c r="F110" s="1" t="s">
        <v>418</v>
      </c>
      <c r="G110" s="1" t="s">
        <v>1265</v>
      </c>
      <c r="H110" s="1" t="s">
        <v>16</v>
      </c>
      <c r="I110" s="1" t="s">
        <v>24</v>
      </c>
      <c r="J110" s="1" t="s">
        <v>24</v>
      </c>
      <c r="K110" s="2">
        <v>1</v>
      </c>
      <c r="L110" s="2">
        <v>1</v>
      </c>
      <c r="M110" s="2">
        <v>0</v>
      </c>
      <c r="N110" s="2">
        <v>1</v>
      </c>
      <c r="O110" s="2">
        <v>0</v>
      </c>
      <c r="P110" s="2">
        <v>1</v>
      </c>
      <c r="Q110" s="2">
        <v>0</v>
      </c>
      <c r="R110" s="2">
        <v>0</v>
      </c>
      <c r="S110" s="2">
        <v>140</v>
      </c>
    </row>
    <row r="111" spans="1:20" ht="20.100000000000001" customHeight="1">
      <c r="A111" s="1" t="s">
        <v>419</v>
      </c>
      <c r="B111" s="2" t="s">
        <v>420</v>
      </c>
      <c r="C111" s="1" t="s">
        <v>421</v>
      </c>
      <c r="D111" s="3">
        <v>36.560026999999998</v>
      </c>
      <c r="E111" s="3">
        <v>137.22089500000001</v>
      </c>
      <c r="F111" s="1" t="s">
        <v>422</v>
      </c>
      <c r="G111" s="1" t="s">
        <v>1265</v>
      </c>
      <c r="H111" s="1" t="s">
        <v>16</v>
      </c>
      <c r="I111" s="1" t="s">
        <v>24</v>
      </c>
      <c r="J111" s="1" t="s">
        <v>24</v>
      </c>
      <c r="K111" s="2">
        <v>1</v>
      </c>
      <c r="L111" s="2">
        <v>1</v>
      </c>
      <c r="M111" s="2">
        <v>0</v>
      </c>
      <c r="N111" s="2">
        <v>1</v>
      </c>
      <c r="O111" s="2">
        <v>0</v>
      </c>
      <c r="P111" s="2">
        <v>1</v>
      </c>
      <c r="Q111" s="2">
        <v>0</v>
      </c>
      <c r="R111" s="2">
        <v>0</v>
      </c>
      <c r="S111" s="2">
        <v>210</v>
      </c>
    </row>
    <row r="112" spans="1:20" ht="20.100000000000001" customHeight="1">
      <c r="A112" s="1" t="s">
        <v>423</v>
      </c>
      <c r="B112" s="2" t="s">
        <v>424</v>
      </c>
      <c r="C112" s="1" t="s">
        <v>425</v>
      </c>
      <c r="D112" s="3">
        <v>36.562367999999999</v>
      </c>
      <c r="E112" s="3">
        <v>137.213234</v>
      </c>
      <c r="F112" s="1" t="s">
        <v>426</v>
      </c>
      <c r="G112" s="1" t="s">
        <v>1265</v>
      </c>
      <c r="H112" s="1" t="s">
        <v>16</v>
      </c>
      <c r="I112" s="1" t="s">
        <v>24</v>
      </c>
      <c r="J112" s="1" t="s">
        <v>24</v>
      </c>
      <c r="K112" s="2">
        <v>1</v>
      </c>
      <c r="L112" s="2">
        <v>1</v>
      </c>
      <c r="M112" s="2">
        <v>0</v>
      </c>
      <c r="N112" s="2">
        <v>1</v>
      </c>
      <c r="O112" s="2">
        <v>0</v>
      </c>
      <c r="P112" s="2">
        <v>1</v>
      </c>
      <c r="Q112" s="2">
        <v>0</v>
      </c>
      <c r="R112" s="2">
        <v>0</v>
      </c>
      <c r="S112" s="2">
        <v>270</v>
      </c>
    </row>
    <row r="113" spans="1:20" ht="20.100000000000001" customHeight="1">
      <c r="A113" s="1" t="s">
        <v>427</v>
      </c>
      <c r="B113" s="2" t="s">
        <v>1306</v>
      </c>
      <c r="C113" s="1" t="s">
        <v>428</v>
      </c>
      <c r="D113" s="3">
        <v>36.586492999999997</v>
      </c>
      <c r="E113" s="3">
        <v>137.20766499999999</v>
      </c>
      <c r="F113" s="1" t="s">
        <v>429</v>
      </c>
      <c r="G113" s="1" t="s">
        <v>1265</v>
      </c>
      <c r="H113" s="1" t="s">
        <v>16</v>
      </c>
      <c r="I113" s="1" t="s">
        <v>24</v>
      </c>
      <c r="J113" s="1" t="s">
        <v>24</v>
      </c>
      <c r="K113" s="2">
        <v>1</v>
      </c>
      <c r="L113" s="2">
        <v>1</v>
      </c>
      <c r="M113" s="2">
        <v>0</v>
      </c>
      <c r="N113" s="2">
        <v>1</v>
      </c>
      <c r="O113" s="2">
        <v>0</v>
      </c>
      <c r="P113" s="2">
        <v>1</v>
      </c>
      <c r="Q113" s="2">
        <v>0</v>
      </c>
      <c r="R113" s="2">
        <v>0</v>
      </c>
      <c r="S113" s="2">
        <v>220</v>
      </c>
    </row>
    <row r="114" spans="1:20" ht="20.100000000000001" customHeight="1">
      <c r="A114" s="1" t="s">
        <v>1186</v>
      </c>
      <c r="B114" s="2" t="s">
        <v>1095</v>
      </c>
      <c r="C114" s="1" t="s">
        <v>430</v>
      </c>
      <c r="D114" s="3">
        <v>36.561304</v>
      </c>
      <c r="E114" s="3">
        <v>137.20222999999999</v>
      </c>
      <c r="F114" s="1" t="s">
        <v>431</v>
      </c>
      <c r="G114" s="1" t="s">
        <v>1265</v>
      </c>
      <c r="H114" s="1" t="s">
        <v>16</v>
      </c>
      <c r="I114" s="1" t="s">
        <v>24</v>
      </c>
      <c r="J114" s="1" t="s">
        <v>24</v>
      </c>
      <c r="K114" s="2">
        <v>1</v>
      </c>
      <c r="L114" s="2">
        <v>1</v>
      </c>
      <c r="M114" s="2">
        <v>0</v>
      </c>
      <c r="N114" s="2">
        <v>1</v>
      </c>
      <c r="O114" s="2">
        <v>0</v>
      </c>
      <c r="P114" s="2">
        <v>1</v>
      </c>
      <c r="Q114" s="2">
        <v>0</v>
      </c>
      <c r="R114" s="2">
        <v>0</v>
      </c>
      <c r="S114" s="2">
        <v>340</v>
      </c>
    </row>
    <row r="115" spans="1:20" ht="20.100000000000001" customHeight="1">
      <c r="A115" s="1" t="s">
        <v>432</v>
      </c>
      <c r="B115" s="2" t="s">
        <v>433</v>
      </c>
      <c r="C115" s="1" t="s">
        <v>434</v>
      </c>
      <c r="D115" s="3">
        <v>36.605103999999997</v>
      </c>
      <c r="E115" s="3">
        <v>137.208066</v>
      </c>
      <c r="F115" s="1" t="s">
        <v>435</v>
      </c>
      <c r="G115" s="1" t="s">
        <v>1265</v>
      </c>
      <c r="H115" s="1" t="s">
        <v>16</v>
      </c>
      <c r="I115" s="1" t="s">
        <v>24</v>
      </c>
      <c r="J115" s="1" t="s">
        <v>24</v>
      </c>
      <c r="K115" s="2">
        <v>1</v>
      </c>
      <c r="L115" s="2">
        <v>1</v>
      </c>
      <c r="M115" s="2">
        <v>0</v>
      </c>
      <c r="N115" s="2">
        <v>1</v>
      </c>
      <c r="O115" s="2">
        <v>0</v>
      </c>
      <c r="P115" s="2">
        <v>1</v>
      </c>
      <c r="Q115" s="2">
        <v>0</v>
      </c>
      <c r="R115" s="2">
        <v>0</v>
      </c>
      <c r="S115" s="2">
        <v>1000</v>
      </c>
    </row>
    <row r="116" spans="1:20" ht="20.100000000000001" customHeight="1">
      <c r="A116" s="1" t="s">
        <v>436</v>
      </c>
      <c r="B116" s="2" t="s">
        <v>437</v>
      </c>
      <c r="C116" s="1" t="s">
        <v>438</v>
      </c>
      <c r="D116" s="3">
        <v>36.609757999999999</v>
      </c>
      <c r="E116" s="3">
        <v>137.30096</v>
      </c>
      <c r="F116" s="1" t="s">
        <v>439</v>
      </c>
      <c r="G116" s="1" t="s">
        <v>1265</v>
      </c>
      <c r="H116" s="1" t="s">
        <v>16</v>
      </c>
      <c r="I116" s="1" t="s">
        <v>24</v>
      </c>
      <c r="J116" s="1" t="s">
        <v>24</v>
      </c>
      <c r="K116" s="2">
        <v>1</v>
      </c>
      <c r="L116" s="2">
        <v>1</v>
      </c>
      <c r="M116" s="2">
        <v>0</v>
      </c>
      <c r="N116" s="2">
        <v>1</v>
      </c>
      <c r="O116" s="2">
        <v>0</v>
      </c>
      <c r="P116" s="2">
        <v>1</v>
      </c>
      <c r="Q116" s="2">
        <v>0</v>
      </c>
      <c r="R116" s="2">
        <v>0</v>
      </c>
      <c r="S116" s="2">
        <v>440</v>
      </c>
      <c r="T116" s="2" t="s">
        <v>1160</v>
      </c>
    </row>
    <row r="117" spans="1:20" ht="20.100000000000001" customHeight="1">
      <c r="A117" s="1" t="s">
        <v>440</v>
      </c>
      <c r="B117" s="2" t="s">
        <v>441</v>
      </c>
      <c r="C117" s="1" t="s">
        <v>442</v>
      </c>
      <c r="D117" s="3">
        <v>36.574347000000003</v>
      </c>
      <c r="E117" s="3">
        <v>137.384049</v>
      </c>
      <c r="F117" s="1" t="s">
        <v>443</v>
      </c>
      <c r="G117" s="1" t="s">
        <v>1265</v>
      </c>
      <c r="H117" s="1" t="s">
        <v>16</v>
      </c>
      <c r="I117" s="1" t="s">
        <v>24</v>
      </c>
      <c r="J117" s="1" t="s">
        <v>24</v>
      </c>
      <c r="K117" s="2">
        <v>1</v>
      </c>
      <c r="L117" s="2">
        <v>1</v>
      </c>
      <c r="M117" s="2">
        <v>0</v>
      </c>
      <c r="N117" s="2">
        <v>1</v>
      </c>
      <c r="O117" s="2">
        <v>0</v>
      </c>
      <c r="P117" s="2">
        <v>1</v>
      </c>
      <c r="Q117" s="2">
        <v>0</v>
      </c>
      <c r="R117" s="2">
        <v>0</v>
      </c>
      <c r="S117" s="2">
        <v>380</v>
      </c>
    </row>
    <row r="118" spans="1:20" ht="20.100000000000001" customHeight="1">
      <c r="A118" s="1" t="s">
        <v>444</v>
      </c>
      <c r="B118" s="2" t="s">
        <v>445</v>
      </c>
      <c r="C118" s="1" t="s">
        <v>446</v>
      </c>
      <c r="D118" s="3">
        <v>36.619067000000001</v>
      </c>
      <c r="E118" s="3">
        <v>137.27910199999999</v>
      </c>
      <c r="F118" s="1" t="s">
        <v>447</v>
      </c>
      <c r="G118" s="1" t="s">
        <v>1265</v>
      </c>
      <c r="H118" s="1" t="s">
        <v>16</v>
      </c>
      <c r="I118" s="1" t="s">
        <v>24</v>
      </c>
      <c r="J118" s="1" t="s">
        <v>24</v>
      </c>
      <c r="K118" s="2">
        <v>1</v>
      </c>
      <c r="L118" s="2">
        <v>1</v>
      </c>
      <c r="M118" s="2">
        <v>0</v>
      </c>
      <c r="N118" s="2">
        <v>1</v>
      </c>
      <c r="O118" s="2">
        <v>0</v>
      </c>
      <c r="P118" s="2">
        <v>1</v>
      </c>
      <c r="Q118" s="2">
        <v>0</v>
      </c>
      <c r="R118" s="2">
        <v>0</v>
      </c>
      <c r="S118" s="2">
        <v>540</v>
      </c>
      <c r="T118" s="2" t="s">
        <v>1159</v>
      </c>
    </row>
    <row r="119" spans="1:20" ht="20.100000000000001" customHeight="1">
      <c r="A119" s="1" t="s">
        <v>448</v>
      </c>
      <c r="B119" s="2" t="s">
        <v>449</v>
      </c>
      <c r="C119" s="1" t="s">
        <v>450</v>
      </c>
      <c r="D119" s="3">
        <v>36.603436000000002</v>
      </c>
      <c r="E119" s="3">
        <v>137.256935</v>
      </c>
      <c r="F119" s="1" t="s">
        <v>451</v>
      </c>
      <c r="G119" s="1" t="s">
        <v>1265</v>
      </c>
      <c r="H119" s="1" t="s">
        <v>16</v>
      </c>
      <c r="I119" s="1" t="s">
        <v>24</v>
      </c>
      <c r="J119" s="1" t="s">
        <v>24</v>
      </c>
      <c r="K119" s="2">
        <v>1</v>
      </c>
      <c r="L119" s="2">
        <v>1</v>
      </c>
      <c r="M119" s="2">
        <v>0</v>
      </c>
      <c r="N119" s="2">
        <v>1</v>
      </c>
      <c r="O119" s="2">
        <v>0</v>
      </c>
      <c r="P119" s="2">
        <v>1</v>
      </c>
      <c r="Q119" s="2">
        <v>0</v>
      </c>
      <c r="R119" s="2">
        <v>0</v>
      </c>
      <c r="S119" s="2">
        <v>380</v>
      </c>
    </row>
    <row r="120" spans="1:20" ht="20.100000000000001" customHeight="1">
      <c r="A120" s="1" t="s">
        <v>452</v>
      </c>
      <c r="B120" s="2" t="s">
        <v>453</v>
      </c>
      <c r="C120" s="1" t="s">
        <v>454</v>
      </c>
      <c r="D120" s="3">
        <v>36.610404000000003</v>
      </c>
      <c r="E120" s="3">
        <v>137.29251300000001</v>
      </c>
      <c r="F120" s="1" t="s">
        <v>455</v>
      </c>
      <c r="G120" s="1" t="s">
        <v>1265</v>
      </c>
      <c r="H120" s="1" t="s">
        <v>16</v>
      </c>
      <c r="I120" s="1" t="s">
        <v>24</v>
      </c>
      <c r="J120" s="1" t="s">
        <v>24</v>
      </c>
      <c r="K120" s="2">
        <v>1</v>
      </c>
      <c r="L120" s="2">
        <v>1</v>
      </c>
      <c r="M120" s="2">
        <v>0</v>
      </c>
      <c r="N120" s="2">
        <v>1</v>
      </c>
      <c r="O120" s="2">
        <v>0</v>
      </c>
      <c r="P120" s="2">
        <v>1</v>
      </c>
      <c r="Q120" s="2">
        <v>0</v>
      </c>
      <c r="R120" s="2">
        <v>0</v>
      </c>
      <c r="S120" s="2">
        <v>580</v>
      </c>
      <c r="T120" s="2" t="s">
        <v>1309</v>
      </c>
    </row>
    <row r="121" spans="1:20" ht="20.100000000000001" customHeight="1">
      <c r="A121" s="1" t="s">
        <v>456</v>
      </c>
      <c r="B121" s="2" t="s">
        <v>457</v>
      </c>
      <c r="C121" s="1" t="s">
        <v>458</v>
      </c>
      <c r="D121" s="3">
        <v>36.576731000000002</v>
      </c>
      <c r="E121" s="3">
        <v>137.432457</v>
      </c>
      <c r="F121" s="1" t="s">
        <v>459</v>
      </c>
      <c r="G121" s="1" t="s">
        <v>1265</v>
      </c>
      <c r="H121" s="1" t="s">
        <v>16</v>
      </c>
      <c r="I121" s="1" t="s">
        <v>24</v>
      </c>
      <c r="J121" s="1" t="s">
        <v>24</v>
      </c>
      <c r="K121" s="2">
        <v>1</v>
      </c>
      <c r="L121" s="2">
        <v>0</v>
      </c>
      <c r="M121" s="2">
        <v>0</v>
      </c>
      <c r="N121" s="2">
        <v>1</v>
      </c>
      <c r="O121" s="2">
        <v>0</v>
      </c>
      <c r="P121" s="2">
        <v>1</v>
      </c>
      <c r="Q121" s="2">
        <v>0</v>
      </c>
      <c r="R121" s="2">
        <v>0</v>
      </c>
      <c r="S121" s="2">
        <v>300</v>
      </c>
    </row>
    <row r="122" spans="1:20" ht="20.100000000000001" customHeight="1">
      <c r="A122" s="1" t="s">
        <v>460</v>
      </c>
      <c r="B122" s="2" t="s">
        <v>1191</v>
      </c>
      <c r="C122" s="1" t="s">
        <v>1236</v>
      </c>
      <c r="D122" s="3">
        <v>36.569786491660999</v>
      </c>
      <c r="E122" s="3">
        <v>137.35469513117999</v>
      </c>
      <c r="F122" s="1" t="s">
        <v>461</v>
      </c>
      <c r="G122" s="1" t="s">
        <v>1265</v>
      </c>
      <c r="H122" s="1" t="s">
        <v>16</v>
      </c>
      <c r="I122" s="1" t="s">
        <v>24</v>
      </c>
      <c r="J122" s="1" t="s">
        <v>24</v>
      </c>
      <c r="K122" s="2">
        <v>1</v>
      </c>
      <c r="L122" s="2">
        <v>0</v>
      </c>
      <c r="M122" s="2">
        <v>0</v>
      </c>
      <c r="N122" s="2">
        <v>1</v>
      </c>
      <c r="O122" s="2">
        <v>0</v>
      </c>
      <c r="P122" s="2">
        <v>1</v>
      </c>
      <c r="Q122" s="2">
        <v>0</v>
      </c>
      <c r="R122" s="2">
        <v>0</v>
      </c>
      <c r="S122" s="2" t="s">
        <v>1109</v>
      </c>
    </row>
    <row r="123" spans="1:20" ht="20.100000000000001" customHeight="1">
      <c r="A123" s="1" t="s">
        <v>462</v>
      </c>
      <c r="B123" s="2" t="s">
        <v>1119</v>
      </c>
      <c r="C123" s="1" t="s">
        <v>1096</v>
      </c>
      <c r="D123" s="3">
        <v>36.582746</v>
      </c>
      <c r="E123" s="3">
        <v>137.32658599999999</v>
      </c>
      <c r="F123" s="1" t="s">
        <v>1264</v>
      </c>
      <c r="G123" s="1" t="s">
        <v>1265</v>
      </c>
      <c r="H123" s="1" t="s">
        <v>16</v>
      </c>
      <c r="I123" s="1" t="s">
        <v>24</v>
      </c>
      <c r="J123" s="1" t="s">
        <v>24</v>
      </c>
      <c r="K123" s="2">
        <v>1</v>
      </c>
      <c r="L123" s="2">
        <v>0</v>
      </c>
      <c r="M123" s="2">
        <v>0</v>
      </c>
      <c r="N123" s="2">
        <v>1</v>
      </c>
      <c r="O123" s="2">
        <v>0</v>
      </c>
      <c r="P123" s="2">
        <v>1</v>
      </c>
      <c r="Q123" s="2">
        <v>0</v>
      </c>
      <c r="R123" s="2">
        <v>0</v>
      </c>
      <c r="S123" s="2">
        <v>30</v>
      </c>
    </row>
    <row r="124" spans="1:20" ht="20.100000000000001" customHeight="1">
      <c r="A124" s="1" t="s">
        <v>463</v>
      </c>
      <c r="B124" s="2" t="s">
        <v>464</v>
      </c>
      <c r="C124" s="1" t="s">
        <v>465</v>
      </c>
      <c r="D124" s="3">
        <v>36.603302999999997</v>
      </c>
      <c r="E124" s="3">
        <v>137.294895</v>
      </c>
      <c r="F124" s="1" t="s">
        <v>466</v>
      </c>
      <c r="G124" s="1" t="s">
        <v>1265</v>
      </c>
      <c r="H124" s="1" t="s">
        <v>16</v>
      </c>
      <c r="I124" s="1" t="s">
        <v>24</v>
      </c>
      <c r="J124" s="1" t="s">
        <v>24</v>
      </c>
      <c r="K124" s="2">
        <v>1</v>
      </c>
      <c r="L124" s="2">
        <v>1</v>
      </c>
      <c r="M124" s="2">
        <v>0</v>
      </c>
      <c r="N124" s="2">
        <v>1</v>
      </c>
      <c r="O124" s="2">
        <v>0</v>
      </c>
      <c r="P124" s="2">
        <v>1</v>
      </c>
      <c r="Q124" s="2">
        <v>0</v>
      </c>
      <c r="R124" s="2">
        <v>0</v>
      </c>
      <c r="S124" s="2">
        <v>60</v>
      </c>
    </row>
    <row r="125" spans="1:20" ht="20.100000000000001" customHeight="1">
      <c r="A125" s="1" t="s">
        <v>467</v>
      </c>
      <c r="B125" s="2" t="s">
        <v>468</v>
      </c>
      <c r="C125" s="1" t="s">
        <v>469</v>
      </c>
      <c r="D125" s="3">
        <v>36.610712999999997</v>
      </c>
      <c r="E125" s="3">
        <v>137.290695</v>
      </c>
      <c r="F125" s="1" t="s">
        <v>470</v>
      </c>
      <c r="G125" s="1" t="s">
        <v>1265</v>
      </c>
      <c r="H125" s="1" t="s">
        <v>16</v>
      </c>
      <c r="I125" s="1" t="s">
        <v>24</v>
      </c>
      <c r="J125" s="1" t="s">
        <v>24</v>
      </c>
      <c r="K125" s="2">
        <v>1</v>
      </c>
      <c r="L125" s="2">
        <v>1</v>
      </c>
      <c r="M125" s="2">
        <v>0</v>
      </c>
      <c r="N125" s="2">
        <v>1</v>
      </c>
      <c r="O125" s="2">
        <v>0</v>
      </c>
      <c r="P125" s="2">
        <v>1</v>
      </c>
      <c r="Q125" s="2">
        <v>0</v>
      </c>
      <c r="R125" s="2">
        <v>0</v>
      </c>
      <c r="S125" s="2">
        <v>490</v>
      </c>
    </row>
    <row r="126" spans="1:20" ht="20.100000000000001" customHeight="1">
      <c r="A126" s="1" t="s">
        <v>471</v>
      </c>
      <c r="B126" s="2" t="s">
        <v>472</v>
      </c>
      <c r="C126" s="1" t="s">
        <v>473</v>
      </c>
      <c r="D126" s="3">
        <v>36.611271000000002</v>
      </c>
      <c r="E126" s="3">
        <v>137.29066499999999</v>
      </c>
      <c r="F126" s="1" t="s">
        <v>470</v>
      </c>
      <c r="G126" s="1" t="s">
        <v>1265</v>
      </c>
      <c r="H126" s="1" t="s">
        <v>16</v>
      </c>
      <c r="I126" s="1" t="s">
        <v>24</v>
      </c>
      <c r="J126" s="1" t="s">
        <v>24</v>
      </c>
      <c r="K126" s="2">
        <v>1</v>
      </c>
      <c r="L126" s="2">
        <v>1</v>
      </c>
      <c r="M126" s="2">
        <v>0</v>
      </c>
      <c r="N126" s="2">
        <v>1</v>
      </c>
      <c r="O126" s="2">
        <v>0</v>
      </c>
      <c r="P126" s="2">
        <v>1</v>
      </c>
      <c r="Q126" s="2">
        <v>0</v>
      </c>
      <c r="R126" s="2">
        <v>0</v>
      </c>
      <c r="S126" s="2">
        <v>290</v>
      </c>
      <c r="T126" s="2" t="s">
        <v>1159</v>
      </c>
    </row>
    <row r="127" spans="1:20" ht="20.100000000000001" customHeight="1">
      <c r="A127" s="1" t="s">
        <v>474</v>
      </c>
      <c r="B127" s="2" t="s">
        <v>475</v>
      </c>
      <c r="C127" s="1" t="s">
        <v>476</v>
      </c>
      <c r="D127" s="3">
        <v>36.601655000000001</v>
      </c>
      <c r="E127" s="3">
        <v>137.25439600000001</v>
      </c>
      <c r="F127" s="1" t="s">
        <v>477</v>
      </c>
      <c r="G127" s="1" t="s">
        <v>1265</v>
      </c>
      <c r="H127" s="1" t="s">
        <v>16</v>
      </c>
      <c r="I127" s="1" t="s">
        <v>24</v>
      </c>
      <c r="J127" s="1" t="s">
        <v>24</v>
      </c>
      <c r="K127" s="2" t="s">
        <v>1183</v>
      </c>
      <c r="L127" s="2">
        <v>1</v>
      </c>
      <c r="M127" s="2">
        <v>0</v>
      </c>
      <c r="N127" s="2">
        <v>1</v>
      </c>
      <c r="O127" s="2">
        <v>0</v>
      </c>
      <c r="P127" s="2">
        <v>1</v>
      </c>
      <c r="Q127" s="2">
        <v>0</v>
      </c>
      <c r="R127" s="2">
        <v>0</v>
      </c>
      <c r="S127" s="2">
        <v>180</v>
      </c>
    </row>
    <row r="128" spans="1:20" ht="20.100000000000001" customHeight="1">
      <c r="A128" s="1" t="s">
        <v>478</v>
      </c>
      <c r="B128" s="2" t="s">
        <v>1097</v>
      </c>
      <c r="C128" s="1" t="s">
        <v>1237</v>
      </c>
      <c r="D128" s="3">
        <v>36.577114401685002</v>
      </c>
      <c r="E128" s="3">
        <v>137.27352249073999</v>
      </c>
      <c r="F128" s="1" t="s">
        <v>1264</v>
      </c>
      <c r="G128" s="1" t="s">
        <v>1265</v>
      </c>
      <c r="H128" s="1" t="s">
        <v>16</v>
      </c>
      <c r="I128" s="1" t="s">
        <v>24</v>
      </c>
      <c r="J128" s="1" t="s">
        <v>24</v>
      </c>
      <c r="K128" s="2">
        <v>1</v>
      </c>
      <c r="L128" s="2">
        <v>0</v>
      </c>
      <c r="M128" s="2">
        <v>0</v>
      </c>
      <c r="N128" s="2">
        <v>1</v>
      </c>
      <c r="O128" s="2">
        <v>0</v>
      </c>
      <c r="P128" s="2">
        <v>1</v>
      </c>
      <c r="Q128" s="2">
        <v>0</v>
      </c>
      <c r="R128" s="2">
        <v>0</v>
      </c>
      <c r="S128" s="2">
        <v>20</v>
      </c>
    </row>
    <row r="129" spans="1:20" ht="20.100000000000001" customHeight="1">
      <c r="A129" s="1" t="s">
        <v>479</v>
      </c>
      <c r="B129" s="2" t="s">
        <v>480</v>
      </c>
      <c r="C129" s="1" t="s">
        <v>481</v>
      </c>
      <c r="D129" s="3">
        <v>36.583075000000001</v>
      </c>
      <c r="E129" s="3">
        <v>137.284898</v>
      </c>
      <c r="F129" s="1" t="s">
        <v>1264</v>
      </c>
      <c r="G129" s="1" t="s">
        <v>1265</v>
      </c>
      <c r="H129" s="1" t="s">
        <v>16</v>
      </c>
      <c r="I129" s="1" t="s">
        <v>24</v>
      </c>
      <c r="J129" s="1" t="s">
        <v>24</v>
      </c>
      <c r="K129" s="2">
        <v>1</v>
      </c>
      <c r="L129" s="2">
        <v>0</v>
      </c>
      <c r="M129" s="2">
        <v>0</v>
      </c>
      <c r="N129" s="2">
        <v>1</v>
      </c>
      <c r="O129" s="2">
        <v>0</v>
      </c>
      <c r="P129" s="2">
        <v>1</v>
      </c>
      <c r="Q129" s="2">
        <v>0</v>
      </c>
      <c r="R129" s="2">
        <v>0</v>
      </c>
      <c r="S129" s="2">
        <v>10</v>
      </c>
    </row>
    <row r="130" spans="1:20" ht="20.100000000000001" customHeight="1">
      <c r="A130" s="1" t="s">
        <v>482</v>
      </c>
      <c r="B130" s="2" t="s">
        <v>483</v>
      </c>
      <c r="C130" s="1" t="s">
        <v>484</v>
      </c>
      <c r="D130" s="3">
        <v>36.576042000000001</v>
      </c>
      <c r="E130" s="3">
        <v>137.137924</v>
      </c>
      <c r="F130" s="1" t="s">
        <v>485</v>
      </c>
      <c r="G130" s="1" t="s">
        <v>1265</v>
      </c>
      <c r="H130" s="1" t="s">
        <v>16</v>
      </c>
      <c r="I130" s="1" t="s">
        <v>24</v>
      </c>
      <c r="J130" s="1" t="s">
        <v>24</v>
      </c>
      <c r="K130" s="2">
        <v>1</v>
      </c>
      <c r="L130" s="2">
        <v>1</v>
      </c>
      <c r="M130" s="2">
        <v>0</v>
      </c>
      <c r="N130" s="2">
        <v>1</v>
      </c>
      <c r="O130" s="2">
        <v>0</v>
      </c>
      <c r="P130" s="2">
        <v>1</v>
      </c>
      <c r="Q130" s="2">
        <v>0</v>
      </c>
      <c r="R130" s="2">
        <v>0</v>
      </c>
      <c r="S130" s="2">
        <v>570</v>
      </c>
    </row>
    <row r="131" spans="1:20" ht="20.100000000000001" customHeight="1">
      <c r="A131" s="1" t="s">
        <v>486</v>
      </c>
      <c r="B131" s="2" t="s">
        <v>487</v>
      </c>
      <c r="C131" s="1" t="s">
        <v>488</v>
      </c>
      <c r="D131" s="3">
        <v>36.611102000000002</v>
      </c>
      <c r="E131" s="3">
        <v>137.13699099999999</v>
      </c>
      <c r="F131" s="1" t="s">
        <v>489</v>
      </c>
      <c r="G131" s="1" t="s">
        <v>1265</v>
      </c>
      <c r="H131" s="1" t="s">
        <v>16</v>
      </c>
      <c r="I131" s="1" t="s">
        <v>24</v>
      </c>
      <c r="J131" s="1" t="s">
        <v>24</v>
      </c>
      <c r="K131" s="2">
        <v>1</v>
      </c>
      <c r="L131" s="2">
        <v>1</v>
      </c>
      <c r="M131" s="2">
        <v>0</v>
      </c>
      <c r="N131" s="2">
        <v>1</v>
      </c>
      <c r="O131" s="2">
        <v>0</v>
      </c>
      <c r="P131" s="2">
        <v>1</v>
      </c>
      <c r="Q131" s="2">
        <v>0</v>
      </c>
      <c r="R131" s="2">
        <v>0</v>
      </c>
      <c r="S131" s="2">
        <v>520</v>
      </c>
      <c r="T131" s="2" t="s">
        <v>1159</v>
      </c>
    </row>
    <row r="132" spans="1:20" ht="20.100000000000001" customHeight="1">
      <c r="A132" s="1" t="s">
        <v>490</v>
      </c>
      <c r="B132" s="2" t="s">
        <v>491</v>
      </c>
      <c r="C132" s="1" t="s">
        <v>492</v>
      </c>
      <c r="D132" s="3">
        <v>36.600206</v>
      </c>
      <c r="E132" s="3">
        <v>137.16271499999999</v>
      </c>
      <c r="F132" s="1" t="s">
        <v>493</v>
      </c>
      <c r="G132" s="1" t="s">
        <v>1265</v>
      </c>
      <c r="H132" s="1" t="s">
        <v>16</v>
      </c>
      <c r="I132" s="1" t="s">
        <v>24</v>
      </c>
      <c r="J132" s="1" t="s">
        <v>24</v>
      </c>
      <c r="K132" s="2">
        <v>1</v>
      </c>
      <c r="L132" s="2">
        <v>1</v>
      </c>
      <c r="M132" s="2">
        <v>0</v>
      </c>
      <c r="N132" s="2">
        <v>1</v>
      </c>
      <c r="O132" s="2">
        <v>0</v>
      </c>
      <c r="P132" s="2">
        <v>1</v>
      </c>
      <c r="Q132" s="2">
        <v>0</v>
      </c>
      <c r="R132" s="2">
        <v>0</v>
      </c>
      <c r="S132" s="2">
        <v>580</v>
      </c>
    </row>
    <row r="133" spans="1:20" ht="20.100000000000001" customHeight="1">
      <c r="A133" s="1" t="s">
        <v>494</v>
      </c>
      <c r="B133" s="2" t="s">
        <v>495</v>
      </c>
      <c r="C133" s="1" t="s">
        <v>496</v>
      </c>
      <c r="D133" s="3">
        <v>36.564306000000002</v>
      </c>
      <c r="E133" s="3">
        <v>137.149697</v>
      </c>
      <c r="F133" s="1" t="s">
        <v>497</v>
      </c>
      <c r="G133" s="1" t="s">
        <v>1265</v>
      </c>
      <c r="H133" s="1" t="s">
        <v>16</v>
      </c>
      <c r="I133" s="1" t="s">
        <v>24</v>
      </c>
      <c r="J133" s="1" t="s">
        <v>24</v>
      </c>
      <c r="K133" s="2">
        <v>1</v>
      </c>
      <c r="L133" s="2">
        <v>0</v>
      </c>
      <c r="M133" s="2">
        <v>0</v>
      </c>
      <c r="N133" s="2">
        <v>1</v>
      </c>
      <c r="O133" s="2">
        <v>0</v>
      </c>
      <c r="P133" s="2">
        <v>1</v>
      </c>
      <c r="Q133" s="2">
        <v>0</v>
      </c>
      <c r="R133" s="2">
        <v>0</v>
      </c>
      <c r="S133" s="2">
        <v>180</v>
      </c>
    </row>
    <row r="134" spans="1:20" ht="20.100000000000001" customHeight="1">
      <c r="A134" s="1" t="s">
        <v>498</v>
      </c>
      <c r="B134" s="2" t="s">
        <v>1192</v>
      </c>
      <c r="C134" s="1" t="s">
        <v>499</v>
      </c>
      <c r="D134" s="3">
        <v>36.570998000000003</v>
      </c>
      <c r="E134" s="3">
        <v>137.111785</v>
      </c>
      <c r="F134" s="1" t="s">
        <v>500</v>
      </c>
      <c r="G134" s="1" t="s">
        <v>1265</v>
      </c>
      <c r="H134" s="1" t="s">
        <v>16</v>
      </c>
      <c r="I134" s="1" t="s">
        <v>24</v>
      </c>
      <c r="J134" s="1" t="s">
        <v>24</v>
      </c>
      <c r="K134" s="2">
        <v>1</v>
      </c>
      <c r="L134" s="2">
        <v>0</v>
      </c>
      <c r="M134" s="2">
        <v>0</v>
      </c>
      <c r="N134" s="2">
        <v>1</v>
      </c>
      <c r="O134" s="2">
        <v>0</v>
      </c>
      <c r="P134" s="2">
        <v>1</v>
      </c>
      <c r="Q134" s="2">
        <v>0</v>
      </c>
      <c r="R134" s="2">
        <v>0</v>
      </c>
      <c r="S134" s="2">
        <v>300</v>
      </c>
    </row>
    <row r="135" spans="1:20" ht="20.100000000000001" customHeight="1">
      <c r="A135" s="1" t="s">
        <v>501</v>
      </c>
      <c r="B135" s="2" t="s">
        <v>502</v>
      </c>
      <c r="C135" s="1" t="s">
        <v>503</v>
      </c>
      <c r="D135" s="3">
        <v>36.575524999999999</v>
      </c>
      <c r="E135" s="3">
        <v>137.154166</v>
      </c>
      <c r="F135" s="1" t="s">
        <v>504</v>
      </c>
      <c r="G135" s="1" t="s">
        <v>1265</v>
      </c>
      <c r="H135" s="1" t="s">
        <v>16</v>
      </c>
      <c r="I135" s="1" t="s">
        <v>24</v>
      </c>
      <c r="J135" s="1" t="s">
        <v>24</v>
      </c>
      <c r="K135" s="2">
        <v>1</v>
      </c>
      <c r="L135" s="2">
        <v>1</v>
      </c>
      <c r="M135" s="2">
        <v>0</v>
      </c>
      <c r="N135" s="2">
        <v>1</v>
      </c>
      <c r="O135" s="2">
        <v>0</v>
      </c>
      <c r="P135" s="2">
        <v>1</v>
      </c>
      <c r="Q135" s="2">
        <v>0</v>
      </c>
      <c r="R135" s="2">
        <v>0</v>
      </c>
      <c r="S135" s="2">
        <v>190</v>
      </c>
    </row>
    <row r="136" spans="1:20" ht="20.100000000000001" customHeight="1">
      <c r="A136" s="1" t="s">
        <v>505</v>
      </c>
      <c r="B136" s="2" t="s">
        <v>1193</v>
      </c>
      <c r="C136" s="1" t="s">
        <v>506</v>
      </c>
      <c r="D136" s="3">
        <v>36.548828</v>
      </c>
      <c r="E136" s="3">
        <v>137.124731</v>
      </c>
      <c r="F136" s="1" t="s">
        <v>507</v>
      </c>
      <c r="G136" s="1" t="s">
        <v>1265</v>
      </c>
      <c r="H136" s="1" t="s">
        <v>16</v>
      </c>
      <c r="I136" s="1" t="s">
        <v>24</v>
      </c>
      <c r="J136" s="1" t="s">
        <v>24</v>
      </c>
      <c r="K136" s="2">
        <v>1</v>
      </c>
      <c r="L136" s="2">
        <v>1</v>
      </c>
      <c r="M136" s="2">
        <v>0</v>
      </c>
      <c r="N136" s="2">
        <v>1</v>
      </c>
      <c r="O136" s="2">
        <v>0</v>
      </c>
      <c r="P136" s="2">
        <v>1</v>
      </c>
      <c r="Q136" s="2">
        <v>0</v>
      </c>
      <c r="R136" s="2">
        <v>0</v>
      </c>
      <c r="S136" s="2">
        <v>670</v>
      </c>
    </row>
    <row r="137" spans="1:20" ht="20.100000000000001" customHeight="1">
      <c r="A137" s="1" t="s">
        <v>508</v>
      </c>
      <c r="B137" s="2" t="s">
        <v>1194</v>
      </c>
      <c r="C137" s="1" t="s">
        <v>509</v>
      </c>
      <c r="D137" s="3">
        <v>36.529578999999998</v>
      </c>
      <c r="E137" s="3">
        <v>137.097151</v>
      </c>
      <c r="F137" s="1" t="s">
        <v>510</v>
      </c>
      <c r="G137" s="1" t="s">
        <v>1265</v>
      </c>
      <c r="H137" s="1" t="s">
        <v>16</v>
      </c>
      <c r="I137" s="1" t="s">
        <v>24</v>
      </c>
      <c r="J137" s="1" t="s">
        <v>24</v>
      </c>
      <c r="K137" s="2">
        <v>1</v>
      </c>
      <c r="L137" s="2">
        <v>0</v>
      </c>
      <c r="M137" s="2">
        <v>0</v>
      </c>
      <c r="N137" s="2">
        <v>1</v>
      </c>
      <c r="O137" s="2">
        <v>0</v>
      </c>
      <c r="P137" s="2">
        <v>1</v>
      </c>
      <c r="Q137" s="2">
        <v>0</v>
      </c>
      <c r="R137" s="2">
        <v>0</v>
      </c>
      <c r="S137" s="2">
        <v>150</v>
      </c>
    </row>
    <row r="138" spans="1:20" ht="20.100000000000001" customHeight="1">
      <c r="A138" s="1" t="s">
        <v>511</v>
      </c>
      <c r="B138" s="2" t="s">
        <v>512</v>
      </c>
      <c r="C138" s="1" t="s">
        <v>513</v>
      </c>
      <c r="D138" s="3">
        <v>36.479269000000002</v>
      </c>
      <c r="E138" s="3">
        <v>137.08036200000001</v>
      </c>
      <c r="F138" s="1" t="s">
        <v>514</v>
      </c>
      <c r="G138" s="1" t="s">
        <v>1265</v>
      </c>
      <c r="H138" s="1" t="s">
        <v>16</v>
      </c>
      <c r="I138" s="1" t="s">
        <v>24</v>
      </c>
      <c r="J138" s="1" t="s">
        <v>24</v>
      </c>
      <c r="K138" s="2">
        <v>1</v>
      </c>
      <c r="L138" s="2">
        <v>0</v>
      </c>
      <c r="M138" s="2">
        <v>0</v>
      </c>
      <c r="N138" s="2">
        <v>1</v>
      </c>
      <c r="O138" s="2">
        <v>0</v>
      </c>
      <c r="P138" s="2">
        <v>1</v>
      </c>
      <c r="Q138" s="2">
        <v>0</v>
      </c>
      <c r="R138" s="2">
        <v>0</v>
      </c>
      <c r="S138" s="2">
        <v>270</v>
      </c>
    </row>
    <row r="139" spans="1:20" ht="20.100000000000001" customHeight="1">
      <c r="A139" s="1" t="s">
        <v>515</v>
      </c>
      <c r="B139" s="2" t="s">
        <v>516</v>
      </c>
      <c r="C139" s="1" t="s">
        <v>1307</v>
      </c>
      <c r="D139" s="3">
        <v>36.599648199999997</v>
      </c>
      <c r="E139" s="3">
        <v>137.14355470000001</v>
      </c>
      <c r="F139" s="1" t="s">
        <v>517</v>
      </c>
      <c r="G139" s="1" t="s">
        <v>1265</v>
      </c>
      <c r="H139" s="1" t="s">
        <v>16</v>
      </c>
      <c r="I139" s="1" t="s">
        <v>24</v>
      </c>
      <c r="J139" s="1" t="s">
        <v>24</v>
      </c>
      <c r="K139" s="2">
        <v>1</v>
      </c>
      <c r="L139" s="2">
        <v>1</v>
      </c>
      <c r="M139" s="2">
        <v>0</v>
      </c>
      <c r="N139" s="2">
        <v>1</v>
      </c>
      <c r="O139" s="2">
        <v>0</v>
      </c>
      <c r="P139" s="2">
        <v>1</v>
      </c>
      <c r="Q139" s="2">
        <v>0</v>
      </c>
      <c r="R139" s="2">
        <v>0</v>
      </c>
      <c r="S139" s="2">
        <v>810</v>
      </c>
      <c r="T139" s="2" t="s">
        <v>1159</v>
      </c>
    </row>
    <row r="140" spans="1:20" ht="20.100000000000001" customHeight="1">
      <c r="A140" s="1" t="s">
        <v>518</v>
      </c>
      <c r="B140" s="2" t="s">
        <v>519</v>
      </c>
      <c r="C140" s="1" t="s">
        <v>520</v>
      </c>
      <c r="D140" s="3">
        <v>36.585078000000003</v>
      </c>
      <c r="E140" s="3">
        <v>137.13045600000001</v>
      </c>
      <c r="F140" s="1" t="s">
        <v>521</v>
      </c>
      <c r="G140" s="1" t="s">
        <v>1265</v>
      </c>
      <c r="H140" s="1" t="s">
        <v>16</v>
      </c>
      <c r="I140" s="1" t="s">
        <v>24</v>
      </c>
      <c r="J140" s="1" t="s">
        <v>24</v>
      </c>
      <c r="K140" s="2">
        <v>1</v>
      </c>
      <c r="L140" s="2">
        <v>1</v>
      </c>
      <c r="M140" s="2">
        <v>0</v>
      </c>
      <c r="N140" s="2">
        <v>1</v>
      </c>
      <c r="O140" s="2">
        <v>0</v>
      </c>
      <c r="P140" s="2">
        <v>1</v>
      </c>
      <c r="Q140" s="2">
        <v>0</v>
      </c>
      <c r="R140" s="2">
        <v>0</v>
      </c>
      <c r="S140" s="2">
        <v>750</v>
      </c>
    </row>
    <row r="141" spans="1:20" ht="20.100000000000001" customHeight="1">
      <c r="A141" s="1" t="s">
        <v>522</v>
      </c>
      <c r="B141" s="2" t="s">
        <v>523</v>
      </c>
      <c r="C141" s="1" t="s">
        <v>524</v>
      </c>
      <c r="D141" s="3">
        <v>36.576115000000001</v>
      </c>
      <c r="E141" s="3">
        <v>137.130619</v>
      </c>
      <c r="F141" s="1" t="s">
        <v>525</v>
      </c>
      <c r="G141" s="1" t="s">
        <v>1265</v>
      </c>
      <c r="H141" s="1" t="s">
        <v>16</v>
      </c>
      <c r="I141" s="1" t="s">
        <v>24</v>
      </c>
      <c r="J141" s="1" t="s">
        <v>24</v>
      </c>
      <c r="K141" s="2">
        <v>1</v>
      </c>
      <c r="L141" s="2">
        <v>0</v>
      </c>
      <c r="M141" s="2">
        <v>0</v>
      </c>
      <c r="N141" s="2">
        <v>1</v>
      </c>
      <c r="O141" s="2">
        <v>0</v>
      </c>
      <c r="P141" s="2">
        <v>1</v>
      </c>
      <c r="Q141" s="2">
        <v>0</v>
      </c>
      <c r="R141" s="2">
        <v>0</v>
      </c>
      <c r="S141" s="2">
        <v>60</v>
      </c>
    </row>
    <row r="142" spans="1:20" ht="20.100000000000001" customHeight="1">
      <c r="A142" s="1" t="s">
        <v>526</v>
      </c>
      <c r="B142" s="2" t="s">
        <v>527</v>
      </c>
      <c r="C142" s="1" t="s">
        <v>528</v>
      </c>
      <c r="D142" s="3">
        <v>36.578377000000003</v>
      </c>
      <c r="E142" s="3">
        <v>137.138104</v>
      </c>
      <c r="F142" s="1" t="s">
        <v>529</v>
      </c>
      <c r="G142" s="1" t="s">
        <v>1265</v>
      </c>
      <c r="H142" s="1" t="s">
        <v>16</v>
      </c>
      <c r="I142" s="1" t="s">
        <v>24</v>
      </c>
      <c r="J142" s="1" t="s">
        <v>24</v>
      </c>
      <c r="K142" s="2">
        <v>1</v>
      </c>
      <c r="L142" s="2">
        <v>1</v>
      </c>
      <c r="M142" s="2">
        <v>0</v>
      </c>
      <c r="N142" s="2">
        <v>1</v>
      </c>
      <c r="O142" s="2">
        <v>0</v>
      </c>
      <c r="P142" s="2">
        <v>1</v>
      </c>
      <c r="Q142" s="2">
        <v>0</v>
      </c>
      <c r="R142" s="2">
        <v>0</v>
      </c>
      <c r="S142" s="2">
        <v>150</v>
      </c>
    </row>
    <row r="143" spans="1:20" ht="20.100000000000001" customHeight="1">
      <c r="A143" s="1" t="s">
        <v>530</v>
      </c>
      <c r="B143" s="2" t="s">
        <v>1195</v>
      </c>
      <c r="C143" s="1" t="s">
        <v>531</v>
      </c>
      <c r="D143" s="3">
        <v>36.582861000000001</v>
      </c>
      <c r="E143" s="3">
        <v>137.137643</v>
      </c>
      <c r="F143" s="1" t="s">
        <v>532</v>
      </c>
      <c r="G143" s="1" t="s">
        <v>1265</v>
      </c>
      <c r="H143" s="1" t="s">
        <v>16</v>
      </c>
      <c r="I143" s="1" t="s">
        <v>24</v>
      </c>
      <c r="J143" s="1" t="s">
        <v>24</v>
      </c>
      <c r="K143" s="2">
        <v>1</v>
      </c>
      <c r="L143" s="2">
        <v>1</v>
      </c>
      <c r="M143" s="2">
        <v>0</v>
      </c>
      <c r="N143" s="2">
        <v>1</v>
      </c>
      <c r="O143" s="2">
        <v>0</v>
      </c>
      <c r="P143" s="2">
        <v>1</v>
      </c>
      <c r="Q143" s="2">
        <v>0</v>
      </c>
      <c r="R143" s="2">
        <v>0</v>
      </c>
      <c r="S143" s="2">
        <v>380</v>
      </c>
    </row>
    <row r="144" spans="1:20" ht="20.100000000000001" customHeight="1">
      <c r="A144" s="1" t="s">
        <v>533</v>
      </c>
      <c r="B144" s="2" t="s">
        <v>534</v>
      </c>
      <c r="C144" s="1" t="s">
        <v>535</v>
      </c>
      <c r="D144" s="3">
        <v>36.605834999999999</v>
      </c>
      <c r="E144" s="3">
        <v>137.131552</v>
      </c>
      <c r="F144" s="1" t="s">
        <v>536</v>
      </c>
      <c r="G144" s="1" t="s">
        <v>1265</v>
      </c>
      <c r="H144" s="1" t="s">
        <v>16</v>
      </c>
      <c r="I144" s="1" t="s">
        <v>24</v>
      </c>
      <c r="J144" s="1" t="s">
        <v>24</v>
      </c>
      <c r="K144" s="2">
        <v>1</v>
      </c>
      <c r="L144" s="2">
        <v>1</v>
      </c>
      <c r="M144" s="2">
        <v>0</v>
      </c>
      <c r="N144" s="2">
        <v>1</v>
      </c>
      <c r="O144" s="2">
        <v>0</v>
      </c>
      <c r="P144" s="2">
        <v>1</v>
      </c>
      <c r="Q144" s="2">
        <v>0</v>
      </c>
      <c r="R144" s="2">
        <v>0</v>
      </c>
      <c r="S144" s="2">
        <v>250</v>
      </c>
    </row>
    <row r="145" spans="1:20" ht="20.100000000000001" customHeight="1">
      <c r="A145" s="1" t="s">
        <v>537</v>
      </c>
      <c r="B145" s="2" t="s">
        <v>538</v>
      </c>
      <c r="C145" s="1" t="s">
        <v>539</v>
      </c>
      <c r="D145" s="3">
        <v>36.601385000000001</v>
      </c>
      <c r="E145" s="3">
        <v>137.16286700000001</v>
      </c>
      <c r="F145" s="1" t="s">
        <v>540</v>
      </c>
      <c r="G145" s="1" t="s">
        <v>1265</v>
      </c>
      <c r="H145" s="1" t="s">
        <v>16</v>
      </c>
      <c r="I145" s="1" t="s">
        <v>24</v>
      </c>
      <c r="J145" s="1" t="s">
        <v>24</v>
      </c>
      <c r="K145" s="2">
        <v>1</v>
      </c>
      <c r="L145" s="2">
        <v>1</v>
      </c>
      <c r="M145" s="2">
        <v>0</v>
      </c>
      <c r="N145" s="2">
        <v>1</v>
      </c>
      <c r="O145" s="2">
        <v>0</v>
      </c>
      <c r="P145" s="2">
        <v>1</v>
      </c>
      <c r="Q145" s="2">
        <v>0</v>
      </c>
      <c r="R145" s="2">
        <v>0</v>
      </c>
      <c r="S145" s="2">
        <v>260</v>
      </c>
    </row>
    <row r="146" spans="1:20" ht="20.100000000000001" customHeight="1">
      <c r="A146" s="1" t="s">
        <v>541</v>
      </c>
      <c r="B146" s="2" t="s">
        <v>542</v>
      </c>
      <c r="C146" s="1" t="s">
        <v>543</v>
      </c>
      <c r="D146" s="3">
        <v>36.601363999999997</v>
      </c>
      <c r="E146" s="3">
        <v>137.14373499999999</v>
      </c>
      <c r="F146" s="1" t="s">
        <v>544</v>
      </c>
      <c r="G146" s="1" t="s">
        <v>1265</v>
      </c>
      <c r="H146" s="1" t="s">
        <v>16</v>
      </c>
      <c r="I146" s="1" t="s">
        <v>24</v>
      </c>
      <c r="J146" s="1" t="s">
        <v>24</v>
      </c>
      <c r="K146" s="2">
        <v>0</v>
      </c>
      <c r="L146" s="2">
        <v>1</v>
      </c>
      <c r="M146" s="2">
        <v>0</v>
      </c>
      <c r="N146" s="2">
        <v>1</v>
      </c>
      <c r="O146" s="2">
        <v>0</v>
      </c>
      <c r="P146" s="2">
        <v>1</v>
      </c>
      <c r="Q146" s="2">
        <v>0</v>
      </c>
      <c r="R146" s="2">
        <v>0</v>
      </c>
      <c r="S146" s="2">
        <v>1000</v>
      </c>
    </row>
    <row r="147" spans="1:20" ht="20.100000000000001" customHeight="1">
      <c r="A147" s="1" t="s">
        <v>545</v>
      </c>
      <c r="B147" s="2" t="s">
        <v>546</v>
      </c>
      <c r="C147" s="1" t="s">
        <v>547</v>
      </c>
      <c r="D147" s="3">
        <v>36.600419000000002</v>
      </c>
      <c r="E147" s="3">
        <v>137.14359899999999</v>
      </c>
      <c r="F147" s="1" t="s">
        <v>548</v>
      </c>
      <c r="G147" s="1" t="s">
        <v>1265</v>
      </c>
      <c r="H147" s="1" t="s">
        <v>16</v>
      </c>
      <c r="I147" s="1" t="s">
        <v>24</v>
      </c>
      <c r="J147" s="1" t="s">
        <v>24</v>
      </c>
      <c r="K147" s="2">
        <v>0</v>
      </c>
      <c r="L147" s="2">
        <v>1</v>
      </c>
      <c r="M147" s="2">
        <v>0</v>
      </c>
      <c r="N147" s="2">
        <v>1</v>
      </c>
      <c r="O147" s="2">
        <v>0</v>
      </c>
      <c r="P147" s="2">
        <v>1</v>
      </c>
      <c r="Q147" s="2">
        <v>0</v>
      </c>
      <c r="R147" s="2">
        <v>0</v>
      </c>
      <c r="S147" s="2">
        <v>530</v>
      </c>
    </row>
    <row r="148" spans="1:20" ht="20.100000000000001" customHeight="1">
      <c r="A148" s="1" t="s">
        <v>549</v>
      </c>
      <c r="B148" s="2" t="s">
        <v>550</v>
      </c>
      <c r="C148" s="1" t="s">
        <v>1098</v>
      </c>
      <c r="D148" s="3">
        <v>36.521121000000001</v>
      </c>
      <c r="E148" s="3">
        <v>137.18192500000001</v>
      </c>
      <c r="F148" s="1" t="s">
        <v>1264</v>
      </c>
      <c r="G148" s="1" t="s">
        <v>1265</v>
      </c>
      <c r="H148" s="1" t="s">
        <v>16</v>
      </c>
      <c r="I148" s="1" t="s">
        <v>24</v>
      </c>
      <c r="J148" s="1" t="s">
        <v>24</v>
      </c>
      <c r="K148" s="2">
        <v>1</v>
      </c>
      <c r="L148" s="2">
        <v>0</v>
      </c>
      <c r="M148" s="2">
        <v>0</v>
      </c>
      <c r="N148" s="2">
        <v>1</v>
      </c>
      <c r="O148" s="2">
        <v>0</v>
      </c>
      <c r="P148" s="2">
        <v>1</v>
      </c>
      <c r="Q148" s="2">
        <v>0</v>
      </c>
      <c r="R148" s="2">
        <v>0</v>
      </c>
      <c r="S148" s="2">
        <v>10</v>
      </c>
    </row>
    <row r="149" spans="1:20" ht="20.100000000000001" customHeight="1">
      <c r="A149" s="1" t="s">
        <v>551</v>
      </c>
      <c r="B149" s="2" t="s">
        <v>552</v>
      </c>
      <c r="C149" s="1" t="s">
        <v>553</v>
      </c>
      <c r="D149" s="3">
        <v>36.570067000000002</v>
      </c>
      <c r="E149" s="3">
        <v>137.13742999999999</v>
      </c>
      <c r="F149" s="1" t="s">
        <v>1264</v>
      </c>
      <c r="G149" s="1" t="s">
        <v>1265</v>
      </c>
      <c r="H149" s="1" t="s">
        <v>16</v>
      </c>
      <c r="I149" s="1" t="s">
        <v>24</v>
      </c>
      <c r="J149" s="1" t="s">
        <v>24</v>
      </c>
      <c r="K149" s="2">
        <v>1</v>
      </c>
      <c r="L149" s="2">
        <v>0</v>
      </c>
      <c r="M149" s="2">
        <v>0</v>
      </c>
      <c r="N149" s="2">
        <v>1</v>
      </c>
      <c r="O149" s="2">
        <v>0</v>
      </c>
      <c r="P149" s="2">
        <v>1</v>
      </c>
      <c r="Q149" s="2">
        <v>0</v>
      </c>
      <c r="R149" s="2">
        <v>0</v>
      </c>
      <c r="S149" s="2" t="s">
        <v>1110</v>
      </c>
    </row>
    <row r="150" spans="1:20" ht="20.100000000000001" customHeight="1">
      <c r="A150" s="1" t="s">
        <v>554</v>
      </c>
      <c r="B150" s="2" t="s">
        <v>555</v>
      </c>
      <c r="C150" s="1" t="s">
        <v>553</v>
      </c>
      <c r="D150" s="3">
        <v>36.570275000000002</v>
      </c>
      <c r="E150" s="3">
        <v>137.13684499999999</v>
      </c>
      <c r="F150" s="1" t="s">
        <v>556</v>
      </c>
      <c r="G150" s="1" t="s">
        <v>1265</v>
      </c>
      <c r="H150" s="1" t="s">
        <v>16</v>
      </c>
      <c r="I150" s="1" t="s">
        <v>24</v>
      </c>
      <c r="J150" s="1" t="s">
        <v>24</v>
      </c>
      <c r="K150" s="2">
        <v>1</v>
      </c>
      <c r="L150" s="2">
        <v>0</v>
      </c>
      <c r="M150" s="2">
        <v>0</v>
      </c>
      <c r="N150" s="2">
        <v>1</v>
      </c>
      <c r="O150" s="2">
        <v>0</v>
      </c>
      <c r="P150" s="2">
        <v>1</v>
      </c>
      <c r="Q150" s="2">
        <v>0</v>
      </c>
      <c r="R150" s="2">
        <v>0</v>
      </c>
      <c r="S150" s="2" t="s">
        <v>1111</v>
      </c>
    </row>
    <row r="151" spans="1:20" ht="20.100000000000001" customHeight="1">
      <c r="A151" s="1" t="s">
        <v>557</v>
      </c>
      <c r="B151" s="2" t="s">
        <v>1323</v>
      </c>
      <c r="C151" s="1" t="s">
        <v>558</v>
      </c>
      <c r="D151" s="3">
        <v>36.568936999999998</v>
      </c>
      <c r="E151" s="3">
        <v>137.14070599999999</v>
      </c>
      <c r="F151" s="1" t="s">
        <v>559</v>
      </c>
      <c r="G151" s="1" t="s">
        <v>1265</v>
      </c>
      <c r="H151" s="1" t="s">
        <v>16</v>
      </c>
      <c r="I151" s="1" t="s">
        <v>24</v>
      </c>
      <c r="J151" s="1" t="s">
        <v>24</v>
      </c>
      <c r="K151" s="2">
        <v>1</v>
      </c>
      <c r="L151" s="2">
        <v>1</v>
      </c>
      <c r="M151" s="2">
        <v>0</v>
      </c>
      <c r="N151" s="2">
        <v>1</v>
      </c>
      <c r="O151" s="2">
        <v>0</v>
      </c>
      <c r="P151" s="2">
        <v>1</v>
      </c>
      <c r="Q151" s="2">
        <v>0</v>
      </c>
      <c r="R151" s="2">
        <v>0</v>
      </c>
      <c r="S151" s="2">
        <v>80</v>
      </c>
    </row>
    <row r="152" spans="1:20" ht="20.100000000000001" customHeight="1">
      <c r="A152" s="1" t="s">
        <v>560</v>
      </c>
      <c r="B152" s="2" t="s">
        <v>561</v>
      </c>
      <c r="C152" s="1" t="s">
        <v>562</v>
      </c>
      <c r="D152" s="3">
        <v>36.571063000000002</v>
      </c>
      <c r="E152" s="3">
        <v>137.15963199999999</v>
      </c>
      <c r="F152" s="1" t="s">
        <v>563</v>
      </c>
      <c r="G152" s="1" t="s">
        <v>1265</v>
      </c>
      <c r="H152" s="1" t="s">
        <v>16</v>
      </c>
      <c r="I152" s="1" t="s">
        <v>24</v>
      </c>
      <c r="J152" s="1" t="s">
        <v>24</v>
      </c>
      <c r="K152" s="2">
        <v>1</v>
      </c>
      <c r="L152" s="2">
        <v>1</v>
      </c>
      <c r="M152" s="2">
        <v>0</v>
      </c>
      <c r="N152" s="2">
        <v>1</v>
      </c>
      <c r="O152" s="2">
        <v>0</v>
      </c>
      <c r="P152" s="2">
        <v>1</v>
      </c>
      <c r="Q152" s="2">
        <v>0</v>
      </c>
      <c r="R152" s="2">
        <v>0</v>
      </c>
      <c r="S152" s="2">
        <v>90</v>
      </c>
    </row>
    <row r="153" spans="1:20" ht="20.100000000000001" customHeight="1">
      <c r="A153" s="1" t="s">
        <v>564</v>
      </c>
      <c r="B153" s="2" t="s">
        <v>565</v>
      </c>
      <c r="C153" s="1" t="s">
        <v>566</v>
      </c>
      <c r="D153" s="3">
        <v>36.517950999999996</v>
      </c>
      <c r="E153" s="3">
        <v>137.11472800000001</v>
      </c>
      <c r="F153" s="1" t="s">
        <v>1264</v>
      </c>
      <c r="G153" s="1" t="s">
        <v>1265</v>
      </c>
      <c r="H153" s="1" t="s">
        <v>16</v>
      </c>
      <c r="I153" s="1" t="s">
        <v>24</v>
      </c>
      <c r="J153" s="1" t="s">
        <v>24</v>
      </c>
      <c r="K153" s="2">
        <v>1</v>
      </c>
      <c r="L153" s="2">
        <v>0</v>
      </c>
      <c r="M153" s="2">
        <v>0</v>
      </c>
      <c r="N153" s="2">
        <v>1</v>
      </c>
      <c r="O153" s="2">
        <v>0</v>
      </c>
      <c r="P153" s="2">
        <v>1</v>
      </c>
      <c r="Q153" s="2">
        <v>0</v>
      </c>
      <c r="R153" s="2">
        <v>0</v>
      </c>
      <c r="S153" s="2">
        <v>20</v>
      </c>
    </row>
    <row r="154" spans="1:20" ht="20.100000000000001" customHeight="1">
      <c r="A154" s="1" t="s">
        <v>567</v>
      </c>
      <c r="B154" s="2" t="s">
        <v>568</v>
      </c>
      <c r="C154" s="1" t="s">
        <v>569</v>
      </c>
      <c r="D154" s="3">
        <v>36.660884000000003</v>
      </c>
      <c r="E154" s="3">
        <v>137.15950699999999</v>
      </c>
      <c r="F154" s="1" t="s">
        <v>570</v>
      </c>
      <c r="G154" s="1" t="s">
        <v>1265</v>
      </c>
      <c r="H154" s="1" t="s">
        <v>16</v>
      </c>
      <c r="I154" s="1" t="s">
        <v>24</v>
      </c>
      <c r="J154" s="1" t="s">
        <v>24</v>
      </c>
      <c r="K154" s="2">
        <v>1</v>
      </c>
      <c r="L154" s="2">
        <v>1</v>
      </c>
      <c r="M154" s="2">
        <v>0</v>
      </c>
      <c r="N154" s="2">
        <v>1</v>
      </c>
      <c r="O154" s="2">
        <v>0</v>
      </c>
      <c r="P154" s="2">
        <v>1</v>
      </c>
      <c r="Q154" s="2">
        <v>0</v>
      </c>
      <c r="R154" s="2">
        <v>0</v>
      </c>
      <c r="S154" s="2">
        <v>550</v>
      </c>
      <c r="T154" s="2" t="s">
        <v>1159</v>
      </c>
    </row>
    <row r="155" spans="1:20" ht="20.100000000000001" customHeight="1">
      <c r="A155" s="1" t="s">
        <v>571</v>
      </c>
      <c r="B155" s="2" t="s">
        <v>572</v>
      </c>
      <c r="C155" s="1" t="s">
        <v>573</v>
      </c>
      <c r="D155" s="3">
        <v>36.668976000000001</v>
      </c>
      <c r="E155" s="3">
        <v>137.175487</v>
      </c>
      <c r="F155" s="1" t="s">
        <v>574</v>
      </c>
      <c r="G155" s="1" t="s">
        <v>1265</v>
      </c>
      <c r="H155" s="1" t="s">
        <v>16</v>
      </c>
      <c r="I155" s="1" t="s">
        <v>24</v>
      </c>
      <c r="J155" s="1" t="s">
        <v>24</v>
      </c>
      <c r="K155" s="2">
        <v>1</v>
      </c>
      <c r="L155" s="2">
        <v>1</v>
      </c>
      <c r="M155" s="2">
        <v>0</v>
      </c>
      <c r="N155" s="2">
        <v>1</v>
      </c>
      <c r="O155" s="2">
        <v>0</v>
      </c>
      <c r="P155" s="2">
        <v>1</v>
      </c>
      <c r="Q155" s="2">
        <v>0</v>
      </c>
      <c r="R155" s="2">
        <v>0</v>
      </c>
      <c r="S155" s="2">
        <v>500</v>
      </c>
      <c r="T155" s="2" t="s">
        <v>1159</v>
      </c>
    </row>
    <row r="156" spans="1:20" ht="20.100000000000001" customHeight="1">
      <c r="A156" s="1" t="s">
        <v>575</v>
      </c>
      <c r="B156" s="2" t="s">
        <v>576</v>
      </c>
      <c r="C156" s="1" t="s">
        <v>577</v>
      </c>
      <c r="D156" s="3">
        <v>36.677289999999999</v>
      </c>
      <c r="E156" s="3">
        <v>137.151804</v>
      </c>
      <c r="F156" s="1" t="s">
        <v>578</v>
      </c>
      <c r="G156" s="1" t="s">
        <v>1265</v>
      </c>
      <c r="H156" s="1" t="s">
        <v>16</v>
      </c>
      <c r="I156" s="1" t="s">
        <v>24</v>
      </c>
      <c r="J156" s="1" t="s">
        <v>24</v>
      </c>
      <c r="K156" s="2">
        <v>1</v>
      </c>
      <c r="L156" s="2">
        <v>1</v>
      </c>
      <c r="M156" s="2">
        <v>0</v>
      </c>
      <c r="N156" s="2">
        <v>1</v>
      </c>
      <c r="O156" s="2">
        <v>0</v>
      </c>
      <c r="P156" s="2">
        <v>1</v>
      </c>
      <c r="Q156" s="2">
        <v>0</v>
      </c>
      <c r="R156" s="2">
        <v>0</v>
      </c>
      <c r="S156" s="2">
        <v>420</v>
      </c>
      <c r="T156" s="2" t="s">
        <v>1159</v>
      </c>
    </row>
    <row r="157" spans="1:20" ht="20.100000000000001" customHeight="1">
      <c r="A157" s="1" t="s">
        <v>579</v>
      </c>
      <c r="B157" s="2" t="s">
        <v>580</v>
      </c>
      <c r="C157" s="1" t="s">
        <v>581</v>
      </c>
      <c r="D157" s="3">
        <v>36.630532000000002</v>
      </c>
      <c r="E157" s="3">
        <v>137.171727</v>
      </c>
      <c r="F157" s="1" t="s">
        <v>582</v>
      </c>
      <c r="G157" s="1" t="s">
        <v>1265</v>
      </c>
      <c r="H157" s="1" t="s">
        <v>16</v>
      </c>
      <c r="I157" s="1" t="s">
        <v>24</v>
      </c>
      <c r="J157" s="1" t="s">
        <v>24</v>
      </c>
      <c r="K157" s="2">
        <v>1</v>
      </c>
      <c r="L157" s="2">
        <v>1</v>
      </c>
      <c r="M157" s="2">
        <v>0</v>
      </c>
      <c r="N157" s="2">
        <v>1</v>
      </c>
      <c r="O157" s="2">
        <v>0</v>
      </c>
      <c r="P157" s="2">
        <v>1</v>
      </c>
      <c r="Q157" s="2">
        <v>0</v>
      </c>
      <c r="R157" s="2">
        <v>0</v>
      </c>
      <c r="S157" s="2">
        <v>570</v>
      </c>
      <c r="T157" s="2" t="s">
        <v>1159</v>
      </c>
    </row>
    <row r="158" spans="1:20" ht="20.100000000000001" customHeight="1">
      <c r="A158" s="1" t="s">
        <v>583</v>
      </c>
      <c r="B158" s="2" t="s">
        <v>584</v>
      </c>
      <c r="C158" s="1" t="s">
        <v>585</v>
      </c>
      <c r="D158" s="3">
        <v>36.655771999999999</v>
      </c>
      <c r="E158" s="3">
        <v>137.12832700000001</v>
      </c>
      <c r="F158" s="1" t="s">
        <v>586</v>
      </c>
      <c r="G158" s="1" t="s">
        <v>1265</v>
      </c>
      <c r="H158" s="1" t="s">
        <v>16</v>
      </c>
      <c r="I158" s="1" t="s">
        <v>24</v>
      </c>
      <c r="J158" s="1" t="s">
        <v>24</v>
      </c>
      <c r="K158" s="2">
        <v>1</v>
      </c>
      <c r="L158" s="2">
        <v>1</v>
      </c>
      <c r="M158" s="2">
        <v>0</v>
      </c>
      <c r="N158" s="2">
        <v>1</v>
      </c>
      <c r="O158" s="2">
        <v>0</v>
      </c>
      <c r="P158" s="2">
        <v>1</v>
      </c>
      <c r="Q158" s="2">
        <v>0</v>
      </c>
      <c r="R158" s="2">
        <v>0</v>
      </c>
      <c r="S158" s="2">
        <v>460</v>
      </c>
      <c r="T158" s="2" t="s">
        <v>1159</v>
      </c>
    </row>
    <row r="159" spans="1:20" ht="20.100000000000001" customHeight="1">
      <c r="A159" s="1" t="s">
        <v>587</v>
      </c>
      <c r="B159" s="2" t="s">
        <v>588</v>
      </c>
      <c r="C159" s="1" t="s">
        <v>589</v>
      </c>
      <c r="D159" s="3">
        <v>36.629736999999999</v>
      </c>
      <c r="E159" s="3">
        <v>137.09453500000001</v>
      </c>
      <c r="F159" s="1" t="s">
        <v>590</v>
      </c>
      <c r="G159" s="1" t="s">
        <v>1265</v>
      </c>
      <c r="H159" s="1" t="s">
        <v>16</v>
      </c>
      <c r="I159" s="1" t="s">
        <v>24</v>
      </c>
      <c r="J159" s="1" t="s">
        <v>24</v>
      </c>
      <c r="K159" s="2">
        <v>1</v>
      </c>
      <c r="L159" s="2">
        <v>1</v>
      </c>
      <c r="M159" s="2">
        <v>0</v>
      </c>
      <c r="N159" s="2">
        <v>1</v>
      </c>
      <c r="O159" s="2">
        <v>0</v>
      </c>
      <c r="P159" s="2">
        <v>1</v>
      </c>
      <c r="Q159" s="2">
        <v>0</v>
      </c>
      <c r="R159" s="2">
        <v>0</v>
      </c>
      <c r="S159" s="2">
        <v>420</v>
      </c>
    </row>
    <row r="160" spans="1:20" ht="20.100000000000001" customHeight="1">
      <c r="A160" s="1" t="s">
        <v>591</v>
      </c>
      <c r="B160" s="2" t="s">
        <v>592</v>
      </c>
      <c r="C160" s="1" t="s">
        <v>593</v>
      </c>
      <c r="D160" s="3">
        <v>36.637098999999999</v>
      </c>
      <c r="E160" s="3">
        <v>137.13528600000001</v>
      </c>
      <c r="F160" s="1" t="s">
        <v>594</v>
      </c>
      <c r="G160" s="1" t="s">
        <v>1265</v>
      </c>
      <c r="H160" s="1" t="s">
        <v>16</v>
      </c>
      <c r="I160" s="1" t="s">
        <v>24</v>
      </c>
      <c r="J160" s="1" t="s">
        <v>24</v>
      </c>
      <c r="K160" s="2">
        <v>1</v>
      </c>
      <c r="L160" s="2">
        <v>1</v>
      </c>
      <c r="M160" s="2">
        <v>0</v>
      </c>
      <c r="N160" s="2">
        <v>1</v>
      </c>
      <c r="O160" s="2">
        <v>0</v>
      </c>
      <c r="P160" s="2">
        <v>1</v>
      </c>
      <c r="Q160" s="2">
        <v>0</v>
      </c>
      <c r="R160" s="2">
        <v>0</v>
      </c>
      <c r="S160" s="2">
        <v>450</v>
      </c>
    </row>
    <row r="161" spans="1:20" ht="20.100000000000001" customHeight="1">
      <c r="A161" s="1" t="s">
        <v>595</v>
      </c>
      <c r="B161" s="2" t="s">
        <v>596</v>
      </c>
      <c r="C161" s="1" t="s">
        <v>597</v>
      </c>
      <c r="D161" s="3">
        <v>36.655306000000003</v>
      </c>
      <c r="E161" s="3">
        <v>137.16484299999999</v>
      </c>
      <c r="F161" s="1" t="s">
        <v>598</v>
      </c>
      <c r="G161" s="1" t="s">
        <v>1265</v>
      </c>
      <c r="H161" s="1" t="s">
        <v>16</v>
      </c>
      <c r="I161" s="1" t="s">
        <v>24</v>
      </c>
      <c r="J161" s="1" t="s">
        <v>24</v>
      </c>
      <c r="K161" s="2">
        <v>1</v>
      </c>
      <c r="L161" s="2">
        <v>1</v>
      </c>
      <c r="M161" s="2">
        <v>0</v>
      </c>
      <c r="N161" s="2">
        <v>1</v>
      </c>
      <c r="O161" s="2">
        <v>0</v>
      </c>
      <c r="P161" s="2">
        <v>1</v>
      </c>
      <c r="Q161" s="2">
        <v>0</v>
      </c>
      <c r="R161" s="2">
        <v>0</v>
      </c>
      <c r="S161" s="2">
        <v>580</v>
      </c>
      <c r="T161" s="2" t="s">
        <v>1159</v>
      </c>
    </row>
    <row r="162" spans="1:20" ht="20.100000000000001" customHeight="1">
      <c r="A162" s="1" t="s">
        <v>599</v>
      </c>
      <c r="B162" s="2" t="s">
        <v>600</v>
      </c>
      <c r="C162" s="1" t="s">
        <v>601</v>
      </c>
      <c r="D162" s="3">
        <v>36.644939999999998</v>
      </c>
      <c r="E162" s="3">
        <v>137.12249</v>
      </c>
      <c r="F162" s="1" t="s">
        <v>602</v>
      </c>
      <c r="G162" s="1" t="s">
        <v>1265</v>
      </c>
      <c r="H162" s="1" t="s">
        <v>16</v>
      </c>
      <c r="I162" s="1" t="s">
        <v>24</v>
      </c>
      <c r="J162" s="1" t="s">
        <v>24</v>
      </c>
      <c r="K162" s="2">
        <v>1</v>
      </c>
      <c r="L162" s="2">
        <v>1</v>
      </c>
      <c r="M162" s="2">
        <v>0</v>
      </c>
      <c r="N162" s="2">
        <v>1</v>
      </c>
      <c r="O162" s="2">
        <v>0</v>
      </c>
      <c r="P162" s="2">
        <v>1</v>
      </c>
      <c r="Q162" s="2">
        <v>0</v>
      </c>
      <c r="R162" s="2">
        <v>0</v>
      </c>
      <c r="S162" s="2">
        <v>780</v>
      </c>
      <c r="T162" s="2" t="s">
        <v>1159</v>
      </c>
    </row>
    <row r="163" spans="1:20" ht="20.100000000000001" customHeight="1">
      <c r="A163" s="1" t="s">
        <v>603</v>
      </c>
      <c r="B163" s="2" t="s">
        <v>604</v>
      </c>
      <c r="C163" s="1" t="s">
        <v>605</v>
      </c>
      <c r="D163" s="3">
        <v>36.658544999999997</v>
      </c>
      <c r="E163" s="3">
        <v>137.16416899999999</v>
      </c>
      <c r="F163" s="1" t="s">
        <v>606</v>
      </c>
      <c r="G163" s="1" t="s">
        <v>1265</v>
      </c>
      <c r="H163" s="1" t="s">
        <v>16</v>
      </c>
      <c r="I163" s="1" t="s">
        <v>24</v>
      </c>
      <c r="J163" s="1" t="s">
        <v>24</v>
      </c>
      <c r="K163" s="2">
        <v>1</v>
      </c>
      <c r="L163" s="2">
        <v>1</v>
      </c>
      <c r="M163" s="2">
        <v>0</v>
      </c>
      <c r="N163" s="2">
        <v>1</v>
      </c>
      <c r="O163" s="2">
        <v>0</v>
      </c>
      <c r="P163" s="2">
        <v>1</v>
      </c>
      <c r="Q163" s="2">
        <v>0</v>
      </c>
      <c r="R163" s="2">
        <v>0</v>
      </c>
      <c r="S163" s="2">
        <v>850</v>
      </c>
      <c r="T163" s="2" t="s">
        <v>1159</v>
      </c>
    </row>
    <row r="164" spans="1:20" ht="20.100000000000001" customHeight="1">
      <c r="A164" s="1" t="s">
        <v>607</v>
      </c>
      <c r="B164" s="2" t="s">
        <v>608</v>
      </c>
      <c r="C164" s="1" t="s">
        <v>609</v>
      </c>
      <c r="D164" s="3">
        <v>36.658931000000003</v>
      </c>
      <c r="E164" s="3">
        <v>137.12741299999999</v>
      </c>
      <c r="F164" s="1" t="s">
        <v>610</v>
      </c>
      <c r="G164" s="1" t="s">
        <v>1265</v>
      </c>
      <c r="H164" s="1" t="s">
        <v>16</v>
      </c>
      <c r="I164" s="1" t="s">
        <v>24</v>
      </c>
      <c r="J164" s="1" t="s">
        <v>24</v>
      </c>
      <c r="K164" s="2">
        <v>1</v>
      </c>
      <c r="L164" s="2">
        <v>1</v>
      </c>
      <c r="M164" s="2">
        <v>0</v>
      </c>
      <c r="N164" s="2">
        <v>1</v>
      </c>
      <c r="O164" s="2">
        <v>0</v>
      </c>
      <c r="P164" s="2">
        <v>1</v>
      </c>
      <c r="Q164" s="2">
        <v>0</v>
      </c>
      <c r="R164" s="2">
        <v>0</v>
      </c>
      <c r="S164" s="2">
        <v>210</v>
      </c>
    </row>
    <row r="165" spans="1:20" ht="20.100000000000001" customHeight="1">
      <c r="A165" s="1" t="s">
        <v>611</v>
      </c>
      <c r="B165" s="2" t="s">
        <v>612</v>
      </c>
      <c r="C165" s="1" t="s">
        <v>613</v>
      </c>
      <c r="D165" s="3">
        <v>36.660122000000001</v>
      </c>
      <c r="E165" s="3">
        <v>137.16018600000001</v>
      </c>
      <c r="F165" s="1" t="s">
        <v>614</v>
      </c>
      <c r="G165" s="1" t="s">
        <v>1265</v>
      </c>
      <c r="H165" s="1" t="s">
        <v>16</v>
      </c>
      <c r="I165" s="1" t="s">
        <v>24</v>
      </c>
      <c r="J165" s="1" t="s">
        <v>24</v>
      </c>
      <c r="K165" s="2">
        <v>1</v>
      </c>
      <c r="L165" s="2">
        <v>1</v>
      </c>
      <c r="M165" s="2">
        <v>0</v>
      </c>
      <c r="N165" s="2">
        <v>1</v>
      </c>
      <c r="O165" s="2">
        <v>0</v>
      </c>
      <c r="P165" s="2">
        <v>1</v>
      </c>
      <c r="Q165" s="2">
        <v>0</v>
      </c>
      <c r="R165" s="2">
        <v>0</v>
      </c>
      <c r="S165" s="2" t="s">
        <v>1112</v>
      </c>
      <c r="T165" s="2" t="s">
        <v>1159</v>
      </c>
    </row>
    <row r="166" spans="1:20" ht="20.100000000000001" customHeight="1">
      <c r="A166" s="1" t="s">
        <v>615</v>
      </c>
      <c r="B166" s="2" t="s">
        <v>616</v>
      </c>
      <c r="C166" s="1" t="s">
        <v>617</v>
      </c>
      <c r="D166" s="3">
        <v>36.655822000000001</v>
      </c>
      <c r="E166" s="3">
        <v>137.16389699999999</v>
      </c>
      <c r="F166" s="1" t="s">
        <v>618</v>
      </c>
      <c r="G166" s="1" t="s">
        <v>1265</v>
      </c>
      <c r="H166" s="1" t="s">
        <v>16</v>
      </c>
      <c r="I166" s="1" t="s">
        <v>24</v>
      </c>
      <c r="J166" s="1" t="s">
        <v>24</v>
      </c>
      <c r="K166" s="2" t="s">
        <v>1183</v>
      </c>
      <c r="L166" s="2">
        <v>1</v>
      </c>
      <c r="M166" s="2">
        <v>0</v>
      </c>
      <c r="N166" s="2">
        <v>1</v>
      </c>
      <c r="O166" s="2">
        <v>0</v>
      </c>
      <c r="P166" s="2">
        <v>1</v>
      </c>
      <c r="Q166" s="2">
        <v>0</v>
      </c>
      <c r="R166" s="2">
        <v>0</v>
      </c>
      <c r="S166" s="2">
        <v>350</v>
      </c>
    </row>
    <row r="167" spans="1:20" ht="20.100000000000001" customHeight="1">
      <c r="A167" s="1" t="s">
        <v>619</v>
      </c>
      <c r="B167" s="2" t="s">
        <v>1196</v>
      </c>
      <c r="C167" s="1" t="s">
        <v>620</v>
      </c>
      <c r="D167" s="3">
        <v>36.662939999999999</v>
      </c>
      <c r="E167" s="3">
        <v>137.15585799999999</v>
      </c>
      <c r="F167" s="1" t="s">
        <v>621</v>
      </c>
      <c r="G167" s="1" t="s">
        <v>1265</v>
      </c>
      <c r="H167" s="1" t="s">
        <v>16</v>
      </c>
      <c r="I167" s="1" t="s">
        <v>24</v>
      </c>
      <c r="J167" s="1" t="s">
        <v>24</v>
      </c>
      <c r="K167" s="2">
        <v>0</v>
      </c>
      <c r="L167" s="2">
        <v>1</v>
      </c>
      <c r="M167" s="2">
        <v>0</v>
      </c>
      <c r="N167" s="2">
        <v>1</v>
      </c>
      <c r="O167" s="2">
        <v>0</v>
      </c>
      <c r="P167" s="2">
        <v>1</v>
      </c>
      <c r="Q167" s="2">
        <v>0</v>
      </c>
      <c r="R167" s="2">
        <v>0</v>
      </c>
      <c r="S167" s="2">
        <v>40</v>
      </c>
    </row>
    <row r="168" spans="1:20" ht="20.100000000000001" customHeight="1">
      <c r="A168" s="1" t="s">
        <v>622</v>
      </c>
      <c r="B168" s="2" t="s">
        <v>623</v>
      </c>
      <c r="C168" s="1" t="s">
        <v>617</v>
      </c>
      <c r="D168" s="3">
        <v>36.655316999999997</v>
      </c>
      <c r="E168" s="3">
        <v>137.163895</v>
      </c>
      <c r="F168" s="1" t="s">
        <v>624</v>
      </c>
      <c r="G168" s="1" t="s">
        <v>1265</v>
      </c>
      <c r="H168" s="1" t="s">
        <v>16</v>
      </c>
      <c r="I168" s="1" t="s">
        <v>24</v>
      </c>
      <c r="J168" s="1" t="s">
        <v>24</v>
      </c>
      <c r="K168" s="2">
        <v>1</v>
      </c>
      <c r="L168" s="2">
        <v>1</v>
      </c>
      <c r="M168" s="2">
        <v>0</v>
      </c>
      <c r="N168" s="2">
        <v>1</v>
      </c>
      <c r="O168" s="2">
        <v>0</v>
      </c>
      <c r="P168" s="2">
        <v>1</v>
      </c>
      <c r="Q168" s="2">
        <v>0</v>
      </c>
      <c r="R168" s="2">
        <v>0</v>
      </c>
      <c r="S168" s="2" t="s">
        <v>1113</v>
      </c>
      <c r="T168" s="2" t="s">
        <v>1159</v>
      </c>
    </row>
    <row r="169" spans="1:20" ht="20.100000000000001" customHeight="1">
      <c r="A169" s="1" t="s">
        <v>625</v>
      </c>
      <c r="B169" s="2" t="s">
        <v>626</v>
      </c>
      <c r="C169" s="1" t="s">
        <v>617</v>
      </c>
      <c r="D169" s="3">
        <v>36.654533039999997</v>
      </c>
      <c r="E169" s="3">
        <v>137.16418329999999</v>
      </c>
      <c r="F169" s="1" t="s">
        <v>627</v>
      </c>
      <c r="G169" s="1" t="s">
        <v>1265</v>
      </c>
      <c r="H169" s="1" t="s">
        <v>16</v>
      </c>
      <c r="I169" s="1" t="s">
        <v>24</v>
      </c>
      <c r="J169" s="1" t="s">
        <v>24</v>
      </c>
      <c r="K169" s="2">
        <v>1</v>
      </c>
      <c r="L169" s="2">
        <v>1</v>
      </c>
      <c r="M169" s="2">
        <v>0</v>
      </c>
      <c r="N169" s="2">
        <v>1</v>
      </c>
      <c r="O169" s="2">
        <v>0</v>
      </c>
      <c r="P169" s="2">
        <v>1</v>
      </c>
      <c r="Q169" s="2">
        <v>0</v>
      </c>
      <c r="R169" s="2">
        <v>0</v>
      </c>
      <c r="S169" s="2">
        <v>520</v>
      </c>
      <c r="T169" s="2" t="s">
        <v>1159</v>
      </c>
    </row>
    <row r="170" spans="1:20" ht="20.100000000000001" customHeight="1">
      <c r="A170" s="1" t="s">
        <v>628</v>
      </c>
      <c r="B170" s="2" t="s">
        <v>629</v>
      </c>
      <c r="C170" s="1" t="s">
        <v>630</v>
      </c>
      <c r="D170" s="3">
        <v>36.669213999999997</v>
      </c>
      <c r="E170" s="3">
        <v>137.173742</v>
      </c>
      <c r="F170" s="1" t="s">
        <v>631</v>
      </c>
      <c r="G170" s="1" t="s">
        <v>1265</v>
      </c>
      <c r="H170" s="1" t="s">
        <v>16</v>
      </c>
      <c r="I170" s="1" t="s">
        <v>24</v>
      </c>
      <c r="J170" s="1" t="s">
        <v>24</v>
      </c>
      <c r="K170" s="2">
        <v>0</v>
      </c>
      <c r="L170" s="2">
        <v>1</v>
      </c>
      <c r="M170" s="2">
        <v>0</v>
      </c>
      <c r="N170" s="2">
        <v>1</v>
      </c>
      <c r="O170" s="2">
        <v>0</v>
      </c>
      <c r="P170" s="2">
        <v>1</v>
      </c>
      <c r="Q170" s="2">
        <v>0</v>
      </c>
      <c r="R170" s="2">
        <v>0</v>
      </c>
      <c r="S170" s="2">
        <v>290</v>
      </c>
    </row>
    <row r="171" spans="1:20" ht="20.100000000000001" customHeight="1">
      <c r="A171" s="1" t="s">
        <v>632</v>
      </c>
      <c r="B171" s="2" t="s">
        <v>1197</v>
      </c>
      <c r="C171" s="1" t="s">
        <v>633</v>
      </c>
      <c r="D171" s="3">
        <v>36.674720999999998</v>
      </c>
      <c r="E171" s="3">
        <v>137.15117000000001</v>
      </c>
      <c r="F171" s="1" t="s">
        <v>1264</v>
      </c>
      <c r="G171" s="1" t="s">
        <v>1265</v>
      </c>
      <c r="H171" s="1" t="s">
        <v>16</v>
      </c>
      <c r="I171" s="1" t="s">
        <v>24</v>
      </c>
      <c r="J171" s="1" t="s">
        <v>24</v>
      </c>
      <c r="K171" s="2">
        <v>1</v>
      </c>
      <c r="L171" s="2">
        <v>1</v>
      </c>
      <c r="M171" s="2">
        <v>0</v>
      </c>
      <c r="N171" s="2">
        <v>1</v>
      </c>
      <c r="O171" s="2">
        <v>0</v>
      </c>
      <c r="P171" s="2">
        <v>1</v>
      </c>
      <c r="Q171" s="2">
        <v>0</v>
      </c>
      <c r="R171" s="2">
        <v>0</v>
      </c>
      <c r="S171" s="2">
        <v>220</v>
      </c>
      <c r="T171" s="2" t="s">
        <v>1159</v>
      </c>
    </row>
    <row r="172" spans="1:20" ht="20.100000000000001" customHeight="1">
      <c r="A172" s="1" t="s">
        <v>634</v>
      </c>
      <c r="B172" s="2" t="s">
        <v>1198</v>
      </c>
      <c r="C172" s="1" t="s">
        <v>635</v>
      </c>
      <c r="D172" s="3">
        <v>36.622422999999998</v>
      </c>
      <c r="E172" s="3">
        <v>137.168305</v>
      </c>
      <c r="F172" s="1" t="s">
        <v>636</v>
      </c>
      <c r="G172" s="1" t="s">
        <v>1265</v>
      </c>
      <c r="H172" s="1" t="s">
        <v>16</v>
      </c>
      <c r="I172" s="1" t="s">
        <v>24</v>
      </c>
      <c r="J172" s="1" t="s">
        <v>24</v>
      </c>
      <c r="K172" s="2">
        <v>1</v>
      </c>
      <c r="L172" s="2">
        <v>1</v>
      </c>
      <c r="M172" s="2">
        <v>0</v>
      </c>
      <c r="N172" s="2">
        <v>1</v>
      </c>
      <c r="O172" s="2">
        <v>0</v>
      </c>
      <c r="P172" s="2">
        <v>1</v>
      </c>
      <c r="Q172" s="2">
        <v>0</v>
      </c>
      <c r="R172" s="2">
        <v>0</v>
      </c>
      <c r="S172" s="2">
        <v>200</v>
      </c>
    </row>
    <row r="173" spans="1:20" ht="20.100000000000001" customHeight="1">
      <c r="A173" s="1" t="s">
        <v>637</v>
      </c>
      <c r="B173" s="2" t="s">
        <v>638</v>
      </c>
      <c r="C173" s="1" t="s">
        <v>639</v>
      </c>
      <c r="D173" s="3">
        <v>36.637931000000002</v>
      </c>
      <c r="E173" s="3">
        <v>137.168879</v>
      </c>
      <c r="F173" s="1" t="s">
        <v>640</v>
      </c>
      <c r="G173" s="1" t="s">
        <v>1265</v>
      </c>
      <c r="H173" s="1" t="s">
        <v>16</v>
      </c>
      <c r="I173" s="1" t="s">
        <v>24</v>
      </c>
      <c r="J173" s="1" t="s">
        <v>24</v>
      </c>
      <c r="K173" s="2">
        <v>1</v>
      </c>
      <c r="L173" s="2">
        <v>1</v>
      </c>
      <c r="M173" s="2">
        <v>0</v>
      </c>
      <c r="N173" s="2">
        <v>1</v>
      </c>
      <c r="O173" s="2">
        <v>0</v>
      </c>
      <c r="P173" s="2">
        <v>1</v>
      </c>
      <c r="Q173" s="2">
        <v>0</v>
      </c>
      <c r="R173" s="2">
        <v>0</v>
      </c>
      <c r="S173" s="2">
        <v>180</v>
      </c>
      <c r="T173" s="2" t="s">
        <v>1159</v>
      </c>
    </row>
    <row r="174" spans="1:20" ht="20.100000000000001" customHeight="1">
      <c r="A174" s="1" t="s">
        <v>641</v>
      </c>
      <c r="B174" s="2" t="s">
        <v>642</v>
      </c>
      <c r="C174" s="1" t="s">
        <v>643</v>
      </c>
      <c r="D174" s="3">
        <v>36.645372000000002</v>
      </c>
      <c r="E174" s="3">
        <v>137.12311</v>
      </c>
      <c r="F174" s="1" t="s">
        <v>644</v>
      </c>
      <c r="G174" s="1" t="s">
        <v>1265</v>
      </c>
      <c r="H174" s="1" t="s">
        <v>16</v>
      </c>
      <c r="I174" s="1" t="s">
        <v>24</v>
      </c>
      <c r="J174" s="1" t="s">
        <v>24</v>
      </c>
      <c r="K174" s="2" t="s">
        <v>1183</v>
      </c>
      <c r="L174" s="2">
        <v>1</v>
      </c>
      <c r="M174" s="2">
        <v>0</v>
      </c>
      <c r="N174" s="2">
        <v>1</v>
      </c>
      <c r="O174" s="2">
        <v>0</v>
      </c>
      <c r="P174" s="2">
        <v>1</v>
      </c>
      <c r="Q174" s="2">
        <v>0</v>
      </c>
      <c r="R174" s="2">
        <v>0</v>
      </c>
      <c r="S174" s="2">
        <v>230</v>
      </c>
    </row>
    <row r="175" spans="1:20" ht="20.100000000000001" customHeight="1">
      <c r="A175" s="1" t="s">
        <v>645</v>
      </c>
      <c r="B175" s="2" t="s">
        <v>1199</v>
      </c>
      <c r="C175" s="1" t="s">
        <v>646</v>
      </c>
      <c r="D175" s="3">
        <v>36.655346000000002</v>
      </c>
      <c r="E175" s="3">
        <v>137.12768600000001</v>
      </c>
      <c r="F175" s="1" t="s">
        <v>1264</v>
      </c>
      <c r="G175" s="1" t="s">
        <v>1265</v>
      </c>
      <c r="H175" s="1" t="s">
        <v>16</v>
      </c>
      <c r="I175" s="1" t="s">
        <v>24</v>
      </c>
      <c r="J175" s="1" t="s">
        <v>24</v>
      </c>
      <c r="K175" s="2">
        <v>1</v>
      </c>
      <c r="L175" s="2">
        <v>1</v>
      </c>
      <c r="M175" s="2">
        <v>0</v>
      </c>
      <c r="N175" s="2">
        <v>1</v>
      </c>
      <c r="O175" s="2">
        <v>0</v>
      </c>
      <c r="P175" s="2">
        <v>1</v>
      </c>
      <c r="Q175" s="2">
        <v>0</v>
      </c>
      <c r="R175" s="2">
        <v>0</v>
      </c>
      <c r="S175" s="2">
        <v>260</v>
      </c>
    </row>
    <row r="176" spans="1:20" ht="20.100000000000001" customHeight="1">
      <c r="A176" s="1" t="s">
        <v>647</v>
      </c>
      <c r="B176" s="2" t="s">
        <v>648</v>
      </c>
      <c r="C176" s="1" t="s">
        <v>649</v>
      </c>
      <c r="D176" s="3">
        <v>36.629091000000003</v>
      </c>
      <c r="E176" s="3">
        <v>137.091937</v>
      </c>
      <c r="F176" s="1" t="s">
        <v>627</v>
      </c>
      <c r="G176" s="1" t="s">
        <v>1265</v>
      </c>
      <c r="H176" s="1" t="s">
        <v>16</v>
      </c>
      <c r="I176" s="1" t="s">
        <v>24</v>
      </c>
      <c r="J176" s="1" t="s">
        <v>24</v>
      </c>
      <c r="K176" s="2">
        <v>1</v>
      </c>
      <c r="L176" s="2" t="s">
        <v>1324</v>
      </c>
      <c r="M176" s="2">
        <v>0</v>
      </c>
      <c r="N176" s="2">
        <v>1</v>
      </c>
      <c r="O176" s="2">
        <v>0</v>
      </c>
      <c r="P176" s="2">
        <v>1</v>
      </c>
      <c r="Q176" s="2">
        <v>0</v>
      </c>
      <c r="R176" s="2">
        <v>0</v>
      </c>
      <c r="S176" s="2">
        <v>320</v>
      </c>
    </row>
    <row r="177" spans="1:20" ht="20.100000000000001" customHeight="1">
      <c r="A177" s="1" t="s">
        <v>650</v>
      </c>
      <c r="B177" s="2" t="s">
        <v>1200</v>
      </c>
      <c r="C177" s="1" t="s">
        <v>651</v>
      </c>
      <c r="D177" s="3">
        <v>36.629581999999999</v>
      </c>
      <c r="E177" s="3">
        <v>137.09370999999999</v>
      </c>
      <c r="F177" s="1" t="s">
        <v>1266</v>
      </c>
      <c r="G177" s="1" t="s">
        <v>1265</v>
      </c>
      <c r="H177" s="1" t="s">
        <v>16</v>
      </c>
      <c r="I177" s="1" t="s">
        <v>24</v>
      </c>
      <c r="J177" s="1" t="s">
        <v>24</v>
      </c>
      <c r="K177" s="2">
        <v>1</v>
      </c>
      <c r="L177" s="2" t="s">
        <v>1325</v>
      </c>
      <c r="M177" s="2">
        <v>0</v>
      </c>
      <c r="N177" s="2">
        <v>1</v>
      </c>
      <c r="O177" s="2">
        <v>0</v>
      </c>
      <c r="P177" s="2">
        <v>1</v>
      </c>
      <c r="Q177" s="2">
        <v>0</v>
      </c>
      <c r="R177" s="2">
        <v>0</v>
      </c>
      <c r="S177" s="2">
        <v>90</v>
      </c>
    </row>
    <row r="178" spans="1:20" ht="20.100000000000001" customHeight="1">
      <c r="A178" s="1" t="s">
        <v>652</v>
      </c>
      <c r="B178" s="2" t="s">
        <v>1201</v>
      </c>
      <c r="C178" s="1" t="s">
        <v>653</v>
      </c>
      <c r="D178" s="3">
        <v>36.638592000000003</v>
      </c>
      <c r="E178" s="3">
        <v>137.13718399999999</v>
      </c>
      <c r="F178" s="1" t="s">
        <v>654</v>
      </c>
      <c r="G178" s="1" t="s">
        <v>1265</v>
      </c>
      <c r="H178" s="1" t="s">
        <v>16</v>
      </c>
      <c r="I178" s="1" t="s">
        <v>24</v>
      </c>
      <c r="J178" s="1" t="s">
        <v>24</v>
      </c>
      <c r="K178" s="2">
        <v>1</v>
      </c>
      <c r="L178" s="2">
        <v>1</v>
      </c>
      <c r="M178" s="2">
        <v>0</v>
      </c>
      <c r="N178" s="2">
        <v>1</v>
      </c>
      <c r="O178" s="2">
        <v>0</v>
      </c>
      <c r="P178" s="2">
        <v>1</v>
      </c>
      <c r="Q178" s="2">
        <v>0</v>
      </c>
      <c r="R178" s="2">
        <v>0</v>
      </c>
      <c r="S178" s="2">
        <v>260</v>
      </c>
      <c r="T178" s="1"/>
    </row>
    <row r="179" spans="1:20" ht="20.100000000000001" customHeight="1">
      <c r="A179" s="1" t="s">
        <v>655</v>
      </c>
      <c r="B179" s="2" t="s">
        <v>656</v>
      </c>
      <c r="C179" s="1" t="s">
        <v>657</v>
      </c>
      <c r="D179" s="3">
        <v>36.584699999999998</v>
      </c>
      <c r="E179" s="3">
        <v>137.08057099999999</v>
      </c>
      <c r="F179" s="1" t="s">
        <v>1267</v>
      </c>
      <c r="G179" s="1" t="s">
        <v>1265</v>
      </c>
      <c r="H179" s="1" t="s">
        <v>16</v>
      </c>
      <c r="I179" s="1" t="s">
        <v>24</v>
      </c>
      <c r="J179" s="1" t="s">
        <v>24</v>
      </c>
      <c r="K179" s="2">
        <v>1</v>
      </c>
      <c r="L179" s="2">
        <v>0</v>
      </c>
      <c r="M179" s="2">
        <v>0</v>
      </c>
      <c r="N179" s="2">
        <v>1</v>
      </c>
      <c r="O179" s="2">
        <v>0</v>
      </c>
      <c r="P179" s="2">
        <v>1</v>
      </c>
      <c r="Q179" s="2">
        <v>0</v>
      </c>
      <c r="R179" s="2">
        <v>0</v>
      </c>
      <c r="S179" s="2">
        <v>650</v>
      </c>
    </row>
    <row r="180" spans="1:20" ht="20.100000000000001" customHeight="1">
      <c r="A180" s="1" t="s">
        <v>658</v>
      </c>
      <c r="B180" s="2" t="s">
        <v>659</v>
      </c>
      <c r="C180" s="1" t="s">
        <v>660</v>
      </c>
      <c r="D180" s="3">
        <v>36.587471000000001</v>
      </c>
      <c r="E180" s="3">
        <v>137.08419599999999</v>
      </c>
      <c r="F180" s="1" t="s">
        <v>661</v>
      </c>
      <c r="G180" s="1" t="s">
        <v>1265</v>
      </c>
      <c r="H180" s="1" t="s">
        <v>16</v>
      </c>
      <c r="I180" s="1" t="s">
        <v>24</v>
      </c>
      <c r="J180" s="1" t="s">
        <v>24</v>
      </c>
      <c r="K180" s="2">
        <v>1</v>
      </c>
      <c r="L180" s="2">
        <v>0</v>
      </c>
      <c r="M180" s="2">
        <v>0</v>
      </c>
      <c r="N180" s="2">
        <v>1</v>
      </c>
      <c r="O180" s="2">
        <v>0</v>
      </c>
      <c r="P180" s="2">
        <v>1</v>
      </c>
      <c r="Q180" s="2">
        <v>0</v>
      </c>
      <c r="R180" s="2">
        <v>0</v>
      </c>
      <c r="S180" s="2">
        <v>550</v>
      </c>
    </row>
    <row r="181" spans="1:20" ht="20.100000000000001" customHeight="1">
      <c r="A181" s="1" t="s">
        <v>662</v>
      </c>
      <c r="B181" s="2" t="s">
        <v>663</v>
      </c>
      <c r="C181" s="1" t="s">
        <v>664</v>
      </c>
      <c r="D181" s="3">
        <v>36.579934999999999</v>
      </c>
      <c r="E181" s="3">
        <v>137.06493699999999</v>
      </c>
      <c r="F181" s="1" t="s">
        <v>665</v>
      </c>
      <c r="G181" s="1" t="s">
        <v>1265</v>
      </c>
      <c r="H181" s="1" t="s">
        <v>16</v>
      </c>
      <c r="I181" s="1" t="s">
        <v>24</v>
      </c>
      <c r="J181" s="1" t="s">
        <v>24</v>
      </c>
      <c r="K181" s="2">
        <v>1</v>
      </c>
      <c r="L181" s="2">
        <v>1</v>
      </c>
      <c r="M181" s="2">
        <v>0</v>
      </c>
      <c r="N181" s="2">
        <v>1</v>
      </c>
      <c r="O181" s="2">
        <v>0</v>
      </c>
      <c r="P181" s="2">
        <v>1</v>
      </c>
      <c r="Q181" s="2">
        <v>0</v>
      </c>
      <c r="R181" s="2">
        <v>0</v>
      </c>
      <c r="S181" s="2">
        <v>630</v>
      </c>
    </row>
    <row r="182" spans="1:20" ht="20.100000000000001" customHeight="1">
      <c r="A182" s="1" t="s">
        <v>666</v>
      </c>
      <c r="B182" s="2" t="s">
        <v>667</v>
      </c>
      <c r="C182" s="1" t="s">
        <v>668</v>
      </c>
      <c r="D182" s="3">
        <v>36.580052999999999</v>
      </c>
      <c r="E182" s="3">
        <v>137.08084400000001</v>
      </c>
      <c r="F182" s="1" t="s">
        <v>669</v>
      </c>
      <c r="G182" s="1" t="s">
        <v>1265</v>
      </c>
      <c r="H182" s="1" t="s">
        <v>16</v>
      </c>
      <c r="I182" s="1" t="s">
        <v>24</v>
      </c>
      <c r="J182" s="1" t="s">
        <v>24</v>
      </c>
      <c r="K182" s="2">
        <v>1</v>
      </c>
      <c r="L182" s="2">
        <v>0</v>
      </c>
      <c r="M182" s="2">
        <v>0</v>
      </c>
      <c r="N182" s="2">
        <v>1</v>
      </c>
      <c r="O182" s="2">
        <v>0</v>
      </c>
      <c r="P182" s="2">
        <v>1</v>
      </c>
      <c r="Q182" s="2">
        <v>0</v>
      </c>
      <c r="R182" s="2">
        <v>0</v>
      </c>
      <c r="S182" s="2">
        <v>540</v>
      </c>
    </row>
    <row r="183" spans="1:20" ht="20.100000000000001" customHeight="1">
      <c r="A183" s="1" t="s">
        <v>670</v>
      </c>
      <c r="B183" s="2" t="s">
        <v>671</v>
      </c>
      <c r="C183" s="1" t="s">
        <v>672</v>
      </c>
      <c r="D183" s="3">
        <v>36.551108999999997</v>
      </c>
      <c r="E183" s="3">
        <v>137.063537</v>
      </c>
      <c r="F183" s="1" t="s">
        <v>1264</v>
      </c>
      <c r="G183" s="1" t="s">
        <v>1265</v>
      </c>
      <c r="H183" s="1" t="s">
        <v>16</v>
      </c>
      <c r="I183" s="1" t="s">
        <v>24</v>
      </c>
      <c r="J183" s="1" t="s">
        <v>24</v>
      </c>
      <c r="K183" s="2">
        <v>1</v>
      </c>
      <c r="L183" s="2">
        <v>0</v>
      </c>
      <c r="M183" s="2">
        <v>0</v>
      </c>
      <c r="N183" s="2">
        <v>1</v>
      </c>
      <c r="O183" s="2">
        <v>0</v>
      </c>
      <c r="P183" s="2">
        <v>1</v>
      </c>
      <c r="Q183" s="2">
        <v>0</v>
      </c>
      <c r="R183" s="2">
        <v>0</v>
      </c>
      <c r="S183" s="2">
        <v>40</v>
      </c>
    </row>
    <row r="184" spans="1:20" ht="20.100000000000001" customHeight="1">
      <c r="A184" s="1" t="s">
        <v>673</v>
      </c>
      <c r="B184" s="2" t="s">
        <v>674</v>
      </c>
      <c r="C184" s="1" t="s">
        <v>675</v>
      </c>
      <c r="D184" s="3">
        <v>36.589492</v>
      </c>
      <c r="E184" s="3">
        <v>137.04922400000001</v>
      </c>
      <c r="F184" s="1" t="s">
        <v>676</v>
      </c>
      <c r="G184" s="1" t="s">
        <v>1265</v>
      </c>
      <c r="H184" s="1" t="s">
        <v>16</v>
      </c>
      <c r="I184" s="1" t="s">
        <v>24</v>
      </c>
      <c r="J184" s="1" t="s">
        <v>24</v>
      </c>
      <c r="K184" s="2">
        <v>1</v>
      </c>
      <c r="L184" s="2">
        <v>0</v>
      </c>
      <c r="M184" s="2">
        <v>0</v>
      </c>
      <c r="N184" s="2">
        <v>1</v>
      </c>
      <c r="O184" s="2">
        <v>0</v>
      </c>
      <c r="P184" s="2">
        <v>1</v>
      </c>
      <c r="Q184" s="2">
        <v>0</v>
      </c>
      <c r="R184" s="2">
        <v>0</v>
      </c>
      <c r="S184" s="2">
        <v>90</v>
      </c>
    </row>
    <row r="185" spans="1:20" ht="20.100000000000001" customHeight="1">
      <c r="A185" s="1" t="s">
        <v>677</v>
      </c>
      <c r="B185" s="2" t="s">
        <v>678</v>
      </c>
      <c r="C185" s="1" t="s">
        <v>679</v>
      </c>
      <c r="D185" s="3">
        <v>36.583455000000001</v>
      </c>
      <c r="E185" s="3">
        <v>137.097037</v>
      </c>
      <c r="F185" s="1" t="s">
        <v>1264</v>
      </c>
      <c r="G185" s="1" t="s">
        <v>1265</v>
      </c>
      <c r="H185" s="1" t="s">
        <v>16</v>
      </c>
      <c r="I185" s="1" t="s">
        <v>24</v>
      </c>
      <c r="J185" s="1" t="s">
        <v>24</v>
      </c>
      <c r="K185" s="2">
        <v>1</v>
      </c>
      <c r="L185" s="2">
        <v>0</v>
      </c>
      <c r="M185" s="2">
        <v>0</v>
      </c>
      <c r="N185" s="2">
        <v>1</v>
      </c>
      <c r="O185" s="2">
        <v>0</v>
      </c>
      <c r="P185" s="2">
        <v>1</v>
      </c>
      <c r="Q185" s="2">
        <v>0</v>
      </c>
      <c r="R185" s="2">
        <v>0</v>
      </c>
      <c r="S185" s="2">
        <v>100</v>
      </c>
    </row>
    <row r="186" spans="1:20" ht="20.100000000000001" customHeight="1">
      <c r="A186" s="1" t="s">
        <v>680</v>
      </c>
      <c r="B186" s="2" t="s">
        <v>1202</v>
      </c>
      <c r="C186" s="1" t="s">
        <v>681</v>
      </c>
      <c r="D186" s="3">
        <v>36.473022</v>
      </c>
      <c r="E186" s="3">
        <v>137.238392</v>
      </c>
      <c r="F186" s="1" t="s">
        <v>682</v>
      </c>
      <c r="G186" s="1" t="s">
        <v>1265</v>
      </c>
      <c r="H186" s="1" t="s">
        <v>16</v>
      </c>
      <c r="I186" s="1" t="s">
        <v>24</v>
      </c>
      <c r="J186" s="1" t="s">
        <v>24</v>
      </c>
      <c r="K186" s="2">
        <v>1</v>
      </c>
      <c r="L186" s="2" t="s">
        <v>1183</v>
      </c>
      <c r="M186" s="2">
        <v>0</v>
      </c>
      <c r="N186" s="2">
        <v>1</v>
      </c>
      <c r="O186" s="2">
        <v>0</v>
      </c>
      <c r="P186" s="2">
        <v>1</v>
      </c>
      <c r="Q186" s="2">
        <v>0</v>
      </c>
      <c r="R186" s="2">
        <v>0</v>
      </c>
      <c r="S186" s="2">
        <v>190</v>
      </c>
    </row>
    <row r="187" spans="1:20" ht="20.100000000000001" customHeight="1">
      <c r="A187" s="1" t="s">
        <v>683</v>
      </c>
      <c r="B187" s="2" t="s">
        <v>684</v>
      </c>
      <c r="C187" s="1" t="s">
        <v>685</v>
      </c>
      <c r="D187" s="3">
        <v>36.535879999999999</v>
      </c>
      <c r="E187" s="3">
        <v>137.232867</v>
      </c>
      <c r="F187" s="1" t="s">
        <v>1268</v>
      </c>
      <c r="G187" s="1" t="s">
        <v>1265</v>
      </c>
      <c r="H187" s="1" t="s">
        <v>16</v>
      </c>
      <c r="I187" s="1" t="s">
        <v>24</v>
      </c>
      <c r="J187" s="1" t="s">
        <v>24</v>
      </c>
      <c r="K187" s="2">
        <v>1</v>
      </c>
      <c r="L187" s="2">
        <v>1</v>
      </c>
      <c r="M187" s="2">
        <v>0</v>
      </c>
      <c r="N187" s="2">
        <v>1</v>
      </c>
      <c r="O187" s="2">
        <v>0</v>
      </c>
      <c r="P187" s="2">
        <v>1</v>
      </c>
      <c r="Q187" s="2">
        <v>0</v>
      </c>
      <c r="R187" s="2">
        <v>0</v>
      </c>
      <c r="S187" s="2">
        <v>480</v>
      </c>
    </row>
    <row r="188" spans="1:20" ht="20.100000000000001" customHeight="1">
      <c r="A188" s="1" t="s">
        <v>686</v>
      </c>
      <c r="B188" s="2" t="s">
        <v>687</v>
      </c>
      <c r="C188" s="1" t="s">
        <v>688</v>
      </c>
      <c r="D188" s="3">
        <v>36.556704000000003</v>
      </c>
      <c r="E188" s="3">
        <v>137.21581</v>
      </c>
      <c r="F188" s="1" t="s">
        <v>1264</v>
      </c>
      <c r="G188" s="1" t="s">
        <v>1265</v>
      </c>
      <c r="H188" s="1" t="s">
        <v>16</v>
      </c>
      <c r="I188" s="1" t="s">
        <v>24</v>
      </c>
      <c r="J188" s="1" t="s">
        <v>24</v>
      </c>
      <c r="K188" s="2">
        <v>1</v>
      </c>
      <c r="L188" s="2" t="s">
        <v>1324</v>
      </c>
      <c r="M188" s="2">
        <v>0</v>
      </c>
      <c r="N188" s="2">
        <v>1</v>
      </c>
      <c r="O188" s="2">
        <v>0</v>
      </c>
      <c r="P188" s="2">
        <v>1</v>
      </c>
      <c r="Q188" s="2">
        <v>0</v>
      </c>
      <c r="R188" s="2">
        <v>0</v>
      </c>
      <c r="S188" s="2">
        <v>60</v>
      </c>
    </row>
    <row r="189" spans="1:20" ht="20.100000000000001" customHeight="1">
      <c r="A189" s="1" t="s">
        <v>689</v>
      </c>
      <c r="B189" s="2" t="s">
        <v>690</v>
      </c>
      <c r="C189" s="1" t="s">
        <v>691</v>
      </c>
      <c r="D189" s="3">
        <v>36.549843000000003</v>
      </c>
      <c r="E189" s="3">
        <v>137.22481500000001</v>
      </c>
      <c r="F189" s="1" t="s">
        <v>1264</v>
      </c>
      <c r="G189" s="1" t="s">
        <v>1265</v>
      </c>
      <c r="H189" s="1" t="s">
        <v>16</v>
      </c>
      <c r="I189" s="1" t="s">
        <v>24</v>
      </c>
      <c r="J189" s="1" t="s">
        <v>24</v>
      </c>
      <c r="K189" s="2">
        <v>1</v>
      </c>
      <c r="L189" s="2">
        <v>0</v>
      </c>
      <c r="M189" s="2">
        <v>0</v>
      </c>
      <c r="N189" s="2">
        <v>1</v>
      </c>
      <c r="O189" s="2">
        <v>0</v>
      </c>
      <c r="P189" s="2">
        <v>1</v>
      </c>
      <c r="Q189" s="2">
        <v>0</v>
      </c>
      <c r="R189" s="2">
        <v>0</v>
      </c>
      <c r="S189" s="2">
        <v>30</v>
      </c>
    </row>
    <row r="190" spans="1:20" ht="20.100000000000001" customHeight="1">
      <c r="A190" s="1" t="s">
        <v>692</v>
      </c>
      <c r="B190" s="2" t="s">
        <v>1099</v>
      </c>
      <c r="C190" s="1" t="s">
        <v>693</v>
      </c>
      <c r="D190" s="3">
        <v>36.54777</v>
      </c>
      <c r="E190" s="3">
        <v>137.226946</v>
      </c>
      <c r="F190" s="1" t="s">
        <v>694</v>
      </c>
      <c r="G190" s="1" t="s">
        <v>1265</v>
      </c>
      <c r="H190" s="1" t="s">
        <v>16</v>
      </c>
      <c r="I190" s="1" t="s">
        <v>24</v>
      </c>
      <c r="J190" s="1" t="s">
        <v>24</v>
      </c>
      <c r="K190" s="2">
        <v>1</v>
      </c>
      <c r="L190" s="2">
        <v>0</v>
      </c>
      <c r="M190" s="2">
        <v>0</v>
      </c>
      <c r="N190" s="2">
        <v>1</v>
      </c>
      <c r="O190" s="2">
        <v>0</v>
      </c>
      <c r="P190" s="2">
        <v>1</v>
      </c>
      <c r="Q190" s="2">
        <v>0</v>
      </c>
      <c r="R190" s="2">
        <v>0</v>
      </c>
      <c r="S190" s="2">
        <v>50</v>
      </c>
    </row>
    <row r="191" spans="1:20" ht="20.100000000000001" customHeight="1">
      <c r="A191" s="1" t="s">
        <v>695</v>
      </c>
      <c r="B191" s="2" t="s">
        <v>696</v>
      </c>
      <c r="C191" s="1" t="s">
        <v>697</v>
      </c>
      <c r="D191" s="3">
        <v>36.532727999999999</v>
      </c>
      <c r="E191" s="3">
        <v>137.23092500000001</v>
      </c>
      <c r="F191" s="1" t="s">
        <v>1264</v>
      </c>
      <c r="G191" s="1" t="s">
        <v>1265</v>
      </c>
      <c r="H191" s="1" t="s">
        <v>16</v>
      </c>
      <c r="I191" s="1" t="s">
        <v>24</v>
      </c>
      <c r="J191" s="1" t="s">
        <v>24</v>
      </c>
      <c r="K191" s="2">
        <v>1</v>
      </c>
      <c r="L191" s="2">
        <v>1</v>
      </c>
      <c r="M191" s="2">
        <v>0</v>
      </c>
      <c r="N191" s="2">
        <v>1</v>
      </c>
      <c r="O191" s="2">
        <v>0</v>
      </c>
      <c r="P191" s="2">
        <v>1</v>
      </c>
      <c r="Q191" s="2">
        <v>0</v>
      </c>
      <c r="R191" s="2">
        <v>0</v>
      </c>
      <c r="S191" s="2">
        <v>50</v>
      </c>
    </row>
    <row r="192" spans="1:20" ht="20.100000000000001" customHeight="1">
      <c r="A192" s="1" t="s">
        <v>698</v>
      </c>
      <c r="B192" s="2" t="s">
        <v>1203</v>
      </c>
      <c r="C192" s="1" t="s">
        <v>699</v>
      </c>
      <c r="D192" s="3">
        <v>36.528618999999999</v>
      </c>
      <c r="E192" s="3">
        <v>137.229736</v>
      </c>
      <c r="F192" s="1" t="s">
        <v>700</v>
      </c>
      <c r="G192" s="1" t="s">
        <v>1265</v>
      </c>
      <c r="H192" s="1" t="s">
        <v>16</v>
      </c>
      <c r="I192" s="1" t="s">
        <v>24</v>
      </c>
      <c r="J192" s="1" t="s">
        <v>24</v>
      </c>
      <c r="K192" s="2">
        <v>1</v>
      </c>
      <c r="L192" s="2">
        <v>0</v>
      </c>
      <c r="M192" s="2">
        <v>0</v>
      </c>
      <c r="N192" s="2">
        <v>1</v>
      </c>
      <c r="O192" s="2">
        <v>0</v>
      </c>
      <c r="P192" s="2">
        <v>1</v>
      </c>
      <c r="Q192" s="2">
        <v>0</v>
      </c>
      <c r="R192" s="2">
        <v>0</v>
      </c>
      <c r="S192" s="2">
        <v>350</v>
      </c>
    </row>
    <row r="193" spans="1:20" ht="20.100000000000001" customHeight="1">
      <c r="A193" s="1" t="s">
        <v>701</v>
      </c>
      <c r="B193" s="2" t="s">
        <v>702</v>
      </c>
      <c r="C193" s="1" t="s">
        <v>703</v>
      </c>
      <c r="D193" s="3">
        <v>36.508709000000003</v>
      </c>
      <c r="E193" s="3">
        <v>137.22983400000001</v>
      </c>
      <c r="F193" s="1" t="s">
        <v>1264</v>
      </c>
      <c r="G193" s="1" t="s">
        <v>1265</v>
      </c>
      <c r="H193" s="1" t="s">
        <v>16</v>
      </c>
      <c r="I193" s="1" t="s">
        <v>24</v>
      </c>
      <c r="J193" s="1" t="s">
        <v>24</v>
      </c>
      <c r="K193" s="2">
        <v>1</v>
      </c>
      <c r="L193" s="2">
        <v>0</v>
      </c>
      <c r="M193" s="2">
        <v>0</v>
      </c>
      <c r="N193" s="2">
        <v>1</v>
      </c>
      <c r="O193" s="2">
        <v>0</v>
      </c>
      <c r="P193" s="2">
        <v>1</v>
      </c>
      <c r="Q193" s="2">
        <v>0</v>
      </c>
      <c r="R193" s="2">
        <v>0</v>
      </c>
      <c r="S193" s="2">
        <v>10</v>
      </c>
    </row>
    <row r="194" spans="1:20" ht="20.100000000000001" customHeight="1">
      <c r="A194" s="1" t="s">
        <v>704</v>
      </c>
      <c r="B194" s="2" t="s">
        <v>705</v>
      </c>
      <c r="C194" s="1" t="s">
        <v>706</v>
      </c>
      <c r="D194" s="3">
        <v>36.491154999999999</v>
      </c>
      <c r="E194" s="3">
        <v>137.235826</v>
      </c>
      <c r="F194" s="1" t="s">
        <v>1264</v>
      </c>
      <c r="G194" s="1" t="s">
        <v>1265</v>
      </c>
      <c r="H194" s="1" t="s">
        <v>16</v>
      </c>
      <c r="I194" s="1" t="s">
        <v>24</v>
      </c>
      <c r="J194" s="1" t="s">
        <v>24</v>
      </c>
      <c r="K194" s="2">
        <v>1</v>
      </c>
      <c r="L194" s="2">
        <v>0</v>
      </c>
      <c r="M194" s="2">
        <v>0</v>
      </c>
      <c r="N194" s="2">
        <v>1</v>
      </c>
      <c r="O194" s="2">
        <v>0</v>
      </c>
      <c r="P194" s="2">
        <v>1</v>
      </c>
      <c r="Q194" s="2">
        <v>0</v>
      </c>
      <c r="R194" s="2">
        <v>0</v>
      </c>
      <c r="S194" s="2">
        <v>30</v>
      </c>
    </row>
    <row r="195" spans="1:20" ht="20.100000000000001" customHeight="1">
      <c r="A195" s="1" t="s">
        <v>707</v>
      </c>
      <c r="B195" s="2" t="s">
        <v>708</v>
      </c>
      <c r="C195" s="1" t="s">
        <v>709</v>
      </c>
      <c r="D195" s="3">
        <v>36.471344000000002</v>
      </c>
      <c r="E195" s="3">
        <v>137.239315</v>
      </c>
      <c r="F195" s="1" t="s">
        <v>710</v>
      </c>
      <c r="G195" s="1" t="s">
        <v>1265</v>
      </c>
      <c r="H195" s="1" t="s">
        <v>16</v>
      </c>
      <c r="I195" s="1" t="s">
        <v>24</v>
      </c>
      <c r="J195" s="1" t="s">
        <v>24</v>
      </c>
      <c r="K195" s="2">
        <v>1</v>
      </c>
      <c r="L195" s="2">
        <v>0</v>
      </c>
      <c r="M195" s="2">
        <v>0</v>
      </c>
      <c r="N195" s="2">
        <v>1</v>
      </c>
      <c r="O195" s="2">
        <v>0</v>
      </c>
      <c r="P195" s="2">
        <v>1</v>
      </c>
      <c r="Q195" s="2">
        <v>0</v>
      </c>
      <c r="R195" s="2">
        <v>0</v>
      </c>
      <c r="S195" s="2">
        <v>70</v>
      </c>
    </row>
    <row r="196" spans="1:20" ht="20.100000000000001" customHeight="1">
      <c r="A196" s="1" t="s">
        <v>711</v>
      </c>
      <c r="B196" s="2" t="s">
        <v>712</v>
      </c>
      <c r="C196" s="1" t="s">
        <v>713</v>
      </c>
      <c r="D196" s="3">
        <v>36.461964000000002</v>
      </c>
      <c r="E196" s="3">
        <v>137.24360999999999</v>
      </c>
      <c r="F196" s="1" t="s">
        <v>714</v>
      </c>
      <c r="G196" s="1" t="s">
        <v>1265</v>
      </c>
      <c r="H196" s="1" t="s">
        <v>16</v>
      </c>
      <c r="I196" s="1" t="s">
        <v>24</v>
      </c>
      <c r="J196" s="1" t="s">
        <v>24</v>
      </c>
      <c r="K196" s="2">
        <v>1</v>
      </c>
      <c r="L196" s="2">
        <v>0</v>
      </c>
      <c r="M196" s="2">
        <v>0</v>
      </c>
      <c r="N196" s="2">
        <v>1</v>
      </c>
      <c r="O196" s="2">
        <v>0</v>
      </c>
      <c r="P196" s="2">
        <v>1</v>
      </c>
      <c r="Q196" s="2">
        <v>0</v>
      </c>
      <c r="R196" s="2">
        <v>0</v>
      </c>
      <c r="S196" s="2">
        <v>30</v>
      </c>
    </row>
    <row r="197" spans="1:20" ht="20.100000000000001" customHeight="1">
      <c r="A197" s="1" t="s">
        <v>1187</v>
      </c>
      <c r="B197" s="2" t="s">
        <v>1204</v>
      </c>
      <c r="C197" s="1" t="s">
        <v>1238</v>
      </c>
      <c r="D197" s="3">
        <v>36.576669444444448</v>
      </c>
      <c r="E197" s="3">
        <v>137.13633888888887</v>
      </c>
      <c r="F197" s="1" t="s">
        <v>1269</v>
      </c>
      <c r="G197" s="1" t="s">
        <v>1265</v>
      </c>
      <c r="H197" s="1" t="s">
        <v>16</v>
      </c>
      <c r="I197" s="1" t="s">
        <v>24</v>
      </c>
      <c r="J197" s="1" t="s">
        <v>24</v>
      </c>
      <c r="K197" s="2">
        <v>1</v>
      </c>
      <c r="L197" s="2">
        <v>1</v>
      </c>
      <c r="M197" s="2">
        <v>0</v>
      </c>
      <c r="N197" s="2">
        <v>1</v>
      </c>
      <c r="O197" s="2">
        <v>0</v>
      </c>
      <c r="P197" s="2">
        <v>1</v>
      </c>
      <c r="Q197" s="2">
        <v>0</v>
      </c>
      <c r="R197" s="2">
        <v>0</v>
      </c>
      <c r="S197" s="2" t="s">
        <v>1295</v>
      </c>
    </row>
    <row r="198" spans="1:20" ht="20.100000000000001" customHeight="1">
      <c r="A198" s="1" t="s">
        <v>1188</v>
      </c>
      <c r="B198" s="2" t="s">
        <v>1205</v>
      </c>
      <c r="C198" s="1" t="s">
        <v>1239</v>
      </c>
      <c r="D198" s="3">
        <v>36.695471281788301</v>
      </c>
      <c r="E198" s="3">
        <v>137.15089227263601</v>
      </c>
      <c r="F198" s="1" t="s">
        <v>1270</v>
      </c>
      <c r="G198" s="1" t="s">
        <v>1265</v>
      </c>
      <c r="H198" s="1" t="s">
        <v>16</v>
      </c>
      <c r="I198" s="1" t="s">
        <v>24</v>
      </c>
      <c r="J198" s="1" t="s">
        <v>24</v>
      </c>
      <c r="K198" s="2">
        <v>1</v>
      </c>
      <c r="L198" s="2">
        <v>0</v>
      </c>
      <c r="M198" s="2">
        <v>0</v>
      </c>
      <c r="N198" s="2">
        <v>1</v>
      </c>
      <c r="O198" s="2">
        <v>0</v>
      </c>
      <c r="P198" s="2">
        <v>1</v>
      </c>
      <c r="Q198" s="2">
        <v>0</v>
      </c>
      <c r="R198" s="2">
        <v>0</v>
      </c>
      <c r="S198" s="2" t="s">
        <v>1109</v>
      </c>
    </row>
    <row r="199" spans="1:20" ht="20.100000000000001" customHeight="1">
      <c r="A199" s="1" t="s">
        <v>1189</v>
      </c>
      <c r="B199" s="2" t="s">
        <v>1206</v>
      </c>
      <c r="C199" s="1" t="s">
        <v>1240</v>
      </c>
      <c r="D199" s="3">
        <v>36.575483883267196</v>
      </c>
      <c r="E199" s="3">
        <v>137.15531574957799</v>
      </c>
      <c r="F199" s="1" t="s">
        <v>1271</v>
      </c>
      <c r="G199" s="1" t="s">
        <v>1265</v>
      </c>
      <c r="H199" s="1" t="s">
        <v>16</v>
      </c>
      <c r="I199" s="1" t="s">
        <v>24</v>
      </c>
      <c r="J199" s="1" t="s">
        <v>24</v>
      </c>
      <c r="K199" s="2">
        <v>1</v>
      </c>
      <c r="L199" s="2">
        <v>1</v>
      </c>
      <c r="M199" s="2">
        <v>0</v>
      </c>
      <c r="N199" s="2">
        <v>1</v>
      </c>
      <c r="O199" s="2">
        <v>0</v>
      </c>
      <c r="P199" s="2">
        <v>1</v>
      </c>
      <c r="Q199" s="2">
        <v>0</v>
      </c>
      <c r="R199" s="2">
        <v>0</v>
      </c>
      <c r="S199" s="2" t="s">
        <v>1296</v>
      </c>
    </row>
    <row r="200" spans="1:20" ht="20.100000000000001" customHeight="1">
      <c r="A200" s="1" t="s">
        <v>715</v>
      </c>
      <c r="B200" s="2" t="s">
        <v>716</v>
      </c>
      <c r="C200" s="1" t="s">
        <v>1070</v>
      </c>
      <c r="D200" s="3">
        <v>36.756856409999997</v>
      </c>
      <c r="E200" s="3">
        <v>137.1949582</v>
      </c>
      <c r="F200" s="1" t="s">
        <v>717</v>
      </c>
      <c r="G200" s="1" t="s">
        <v>1265</v>
      </c>
      <c r="H200" s="1" t="s">
        <v>16</v>
      </c>
      <c r="I200" s="1" t="s">
        <v>24</v>
      </c>
      <c r="J200" s="1" t="s">
        <v>718</v>
      </c>
      <c r="K200" s="2" t="s">
        <v>1183</v>
      </c>
      <c r="L200" s="2">
        <v>0</v>
      </c>
      <c r="M200" s="2">
        <v>0</v>
      </c>
      <c r="N200" s="2">
        <v>0</v>
      </c>
      <c r="O200" s="2">
        <v>1</v>
      </c>
      <c r="P200" s="2">
        <v>0</v>
      </c>
      <c r="Q200" s="2">
        <v>0</v>
      </c>
      <c r="R200" s="2">
        <v>0</v>
      </c>
    </row>
    <row r="201" spans="1:20" ht="20.100000000000001" customHeight="1">
      <c r="A201" s="1" t="s">
        <v>719</v>
      </c>
      <c r="B201" s="2" t="s">
        <v>720</v>
      </c>
      <c r="C201" s="1" t="s">
        <v>1071</v>
      </c>
      <c r="D201" s="3">
        <v>36.75039254</v>
      </c>
      <c r="E201" s="3">
        <v>137.3102614</v>
      </c>
      <c r="F201" s="1" t="s">
        <v>721</v>
      </c>
      <c r="G201" s="1" t="s">
        <v>1265</v>
      </c>
      <c r="H201" s="1" t="s">
        <v>16</v>
      </c>
      <c r="I201" s="1" t="s">
        <v>24</v>
      </c>
      <c r="J201" s="1" t="s">
        <v>718</v>
      </c>
      <c r="K201" s="2">
        <v>0</v>
      </c>
      <c r="L201" s="2">
        <v>0</v>
      </c>
      <c r="M201" s="2">
        <v>0</v>
      </c>
      <c r="N201" s="2">
        <v>0</v>
      </c>
      <c r="O201" s="2">
        <v>1</v>
      </c>
      <c r="P201" s="2">
        <v>0</v>
      </c>
      <c r="Q201" s="2">
        <v>0</v>
      </c>
      <c r="R201" s="2">
        <v>0</v>
      </c>
    </row>
    <row r="202" spans="1:20" ht="20.100000000000001" customHeight="1">
      <c r="A202" s="1" t="s">
        <v>722</v>
      </c>
      <c r="B202" s="2" t="s">
        <v>723</v>
      </c>
      <c r="C202" s="1" t="s">
        <v>724</v>
      </c>
      <c r="D202" s="3">
        <v>36.757212719999998</v>
      </c>
      <c r="E202" s="3">
        <v>137.19526619999999</v>
      </c>
      <c r="F202" s="1" t="s">
        <v>1264</v>
      </c>
      <c r="G202" s="1" t="s">
        <v>1265</v>
      </c>
      <c r="H202" s="1" t="s">
        <v>16</v>
      </c>
      <c r="I202" s="1" t="s">
        <v>24</v>
      </c>
      <c r="J202" s="1" t="s">
        <v>718</v>
      </c>
      <c r="K202" s="2">
        <v>0</v>
      </c>
      <c r="L202" s="2">
        <v>0</v>
      </c>
      <c r="M202" s="2">
        <v>0</v>
      </c>
      <c r="N202" s="2">
        <v>0</v>
      </c>
      <c r="O202" s="2">
        <v>1</v>
      </c>
      <c r="P202" s="2">
        <v>0</v>
      </c>
      <c r="Q202" s="2">
        <v>0</v>
      </c>
      <c r="R202" s="2">
        <v>0</v>
      </c>
    </row>
    <row r="203" spans="1:20" ht="20.100000000000001" customHeight="1">
      <c r="A203" s="1" t="s">
        <v>725</v>
      </c>
      <c r="B203" s="2" t="s">
        <v>1207</v>
      </c>
      <c r="C203" s="1" t="s">
        <v>726</v>
      </c>
      <c r="D203" s="3">
        <v>36.755546959999997</v>
      </c>
      <c r="E203" s="3">
        <v>137.23210359999999</v>
      </c>
      <c r="F203" s="1" t="s">
        <v>727</v>
      </c>
      <c r="G203" s="1" t="s">
        <v>1265</v>
      </c>
      <c r="H203" s="1" t="s">
        <v>16</v>
      </c>
      <c r="I203" s="1" t="s">
        <v>24</v>
      </c>
      <c r="J203" s="1" t="s">
        <v>718</v>
      </c>
      <c r="K203" s="2">
        <v>1</v>
      </c>
      <c r="L203" s="2">
        <v>0</v>
      </c>
      <c r="M203" s="2">
        <v>0</v>
      </c>
      <c r="N203" s="2">
        <v>0</v>
      </c>
      <c r="O203" s="2">
        <v>1</v>
      </c>
      <c r="P203" s="2">
        <v>0</v>
      </c>
      <c r="Q203" s="2">
        <v>0</v>
      </c>
      <c r="R203" s="2">
        <v>0</v>
      </c>
      <c r="T203" s="2" t="s">
        <v>1159</v>
      </c>
    </row>
    <row r="204" spans="1:20" ht="20.100000000000001" customHeight="1">
      <c r="A204" s="1" t="s">
        <v>728</v>
      </c>
      <c r="B204" s="2" t="s">
        <v>729</v>
      </c>
      <c r="C204" s="1" t="s">
        <v>730</v>
      </c>
      <c r="D204" s="3">
        <v>36.74919242</v>
      </c>
      <c r="E204" s="3">
        <v>137.2299423</v>
      </c>
      <c r="F204" s="1" t="s">
        <v>731</v>
      </c>
      <c r="G204" s="1" t="s">
        <v>1265</v>
      </c>
      <c r="H204" s="1" t="s">
        <v>16</v>
      </c>
      <c r="I204" s="1" t="s">
        <v>24</v>
      </c>
      <c r="J204" s="1" t="s">
        <v>718</v>
      </c>
      <c r="K204" s="2">
        <v>0</v>
      </c>
      <c r="L204" s="2">
        <v>0</v>
      </c>
      <c r="M204" s="2">
        <v>0</v>
      </c>
      <c r="N204" s="2">
        <v>0</v>
      </c>
      <c r="O204" s="2">
        <v>1</v>
      </c>
      <c r="P204" s="2">
        <v>0</v>
      </c>
      <c r="Q204" s="2">
        <v>0</v>
      </c>
      <c r="R204" s="2">
        <v>0</v>
      </c>
    </row>
    <row r="205" spans="1:20" ht="20.100000000000001" customHeight="1">
      <c r="A205" s="1" t="s">
        <v>732</v>
      </c>
      <c r="B205" s="2" t="s">
        <v>733</v>
      </c>
      <c r="C205" s="1" t="s">
        <v>734</v>
      </c>
      <c r="D205" s="3">
        <v>36.757319270000004</v>
      </c>
      <c r="E205" s="3">
        <v>137.23486159999999</v>
      </c>
      <c r="F205" s="1" t="s">
        <v>735</v>
      </c>
      <c r="G205" s="1" t="s">
        <v>1265</v>
      </c>
      <c r="H205" s="1" t="s">
        <v>16</v>
      </c>
      <c r="I205" s="1" t="s">
        <v>24</v>
      </c>
      <c r="J205" s="1" t="s">
        <v>718</v>
      </c>
      <c r="K205" s="2">
        <v>1</v>
      </c>
      <c r="L205" s="2">
        <v>0</v>
      </c>
      <c r="M205" s="2">
        <v>0</v>
      </c>
      <c r="N205" s="2">
        <v>1</v>
      </c>
      <c r="O205" s="2">
        <v>1</v>
      </c>
      <c r="P205" s="2">
        <v>1</v>
      </c>
      <c r="Q205" s="2">
        <v>0</v>
      </c>
      <c r="R205" s="2">
        <v>0</v>
      </c>
      <c r="T205" s="2" t="s">
        <v>1159</v>
      </c>
    </row>
    <row r="206" spans="1:20" ht="20.100000000000001" customHeight="1">
      <c r="A206" s="1" t="s">
        <v>736</v>
      </c>
      <c r="B206" s="2" t="s">
        <v>1208</v>
      </c>
      <c r="C206" s="1" t="s">
        <v>737</v>
      </c>
      <c r="D206" s="3">
        <v>36.760205089999999</v>
      </c>
      <c r="E206" s="3">
        <v>137.2402452</v>
      </c>
      <c r="F206" s="1" t="s">
        <v>738</v>
      </c>
      <c r="G206" s="1" t="s">
        <v>1265</v>
      </c>
      <c r="H206" s="1" t="s">
        <v>16</v>
      </c>
      <c r="I206" s="1" t="s">
        <v>24</v>
      </c>
      <c r="J206" s="1" t="s">
        <v>718</v>
      </c>
      <c r="K206" s="2">
        <v>0</v>
      </c>
      <c r="L206" s="2">
        <v>0</v>
      </c>
      <c r="M206" s="2">
        <v>0</v>
      </c>
      <c r="N206" s="2">
        <v>0</v>
      </c>
      <c r="O206" s="2">
        <v>1</v>
      </c>
      <c r="P206" s="2">
        <v>0</v>
      </c>
      <c r="Q206" s="2">
        <v>0</v>
      </c>
      <c r="R206" s="2">
        <v>0</v>
      </c>
    </row>
    <row r="207" spans="1:20" ht="20.100000000000001" customHeight="1">
      <c r="A207" s="1" t="s">
        <v>739</v>
      </c>
      <c r="B207" s="2" t="s">
        <v>740</v>
      </c>
      <c r="C207" s="1" t="s">
        <v>741</v>
      </c>
      <c r="D207" s="3">
        <v>36.758210939999998</v>
      </c>
      <c r="E207" s="3">
        <v>137.27354750000001</v>
      </c>
      <c r="F207" s="1" t="s">
        <v>742</v>
      </c>
      <c r="G207" s="1" t="s">
        <v>1265</v>
      </c>
      <c r="H207" s="1" t="s">
        <v>16</v>
      </c>
      <c r="I207" s="1" t="s">
        <v>24</v>
      </c>
      <c r="J207" s="1" t="s">
        <v>718</v>
      </c>
      <c r="K207" s="2">
        <v>0</v>
      </c>
      <c r="L207" s="2">
        <v>0</v>
      </c>
      <c r="M207" s="2">
        <v>0</v>
      </c>
      <c r="N207" s="2">
        <v>0</v>
      </c>
      <c r="O207" s="2">
        <v>1</v>
      </c>
      <c r="P207" s="2">
        <v>0</v>
      </c>
      <c r="Q207" s="2">
        <v>0</v>
      </c>
      <c r="R207" s="2">
        <v>0</v>
      </c>
    </row>
    <row r="208" spans="1:20" ht="20.100000000000001" customHeight="1">
      <c r="A208" s="1" t="s">
        <v>743</v>
      </c>
      <c r="B208" s="2" t="s">
        <v>744</v>
      </c>
      <c r="C208" s="1" t="s">
        <v>745</v>
      </c>
      <c r="D208" s="3">
        <v>36.75018223</v>
      </c>
      <c r="E208" s="3">
        <v>137.2942434</v>
      </c>
      <c r="F208" s="1" t="s">
        <v>746</v>
      </c>
      <c r="G208" s="1" t="s">
        <v>1265</v>
      </c>
      <c r="H208" s="1" t="s">
        <v>16</v>
      </c>
      <c r="I208" s="1" t="s">
        <v>24</v>
      </c>
      <c r="J208" s="1" t="s">
        <v>718</v>
      </c>
      <c r="K208" s="2">
        <v>0</v>
      </c>
      <c r="L208" s="2">
        <v>0</v>
      </c>
      <c r="M208" s="2">
        <v>0</v>
      </c>
      <c r="N208" s="2">
        <v>0</v>
      </c>
      <c r="O208" s="2">
        <v>1</v>
      </c>
      <c r="P208" s="2">
        <v>0</v>
      </c>
      <c r="Q208" s="2">
        <v>0</v>
      </c>
      <c r="R208" s="2">
        <v>0</v>
      </c>
    </row>
    <row r="209" spans="1:20" ht="20.100000000000001" customHeight="1">
      <c r="A209" s="1" t="s">
        <v>747</v>
      </c>
      <c r="B209" s="2" t="s">
        <v>748</v>
      </c>
      <c r="C209" s="1" t="s">
        <v>749</v>
      </c>
      <c r="D209" s="3">
        <v>36.755966270000002</v>
      </c>
      <c r="E209" s="3">
        <v>137.29682500000001</v>
      </c>
      <c r="F209" s="1" t="s">
        <v>750</v>
      </c>
      <c r="G209" s="1" t="s">
        <v>1265</v>
      </c>
      <c r="H209" s="1" t="s">
        <v>16</v>
      </c>
      <c r="I209" s="1" t="s">
        <v>24</v>
      </c>
      <c r="J209" s="1" t="s">
        <v>718</v>
      </c>
      <c r="K209" s="2">
        <v>0</v>
      </c>
      <c r="L209" s="2">
        <v>0</v>
      </c>
      <c r="M209" s="2">
        <v>0</v>
      </c>
      <c r="N209" s="2">
        <v>0</v>
      </c>
      <c r="O209" s="2">
        <v>1</v>
      </c>
      <c r="P209" s="2">
        <v>0</v>
      </c>
      <c r="Q209" s="2">
        <v>0</v>
      </c>
      <c r="R209" s="2">
        <v>0</v>
      </c>
    </row>
    <row r="210" spans="1:20" ht="20.100000000000001" customHeight="1">
      <c r="A210" s="1" t="s">
        <v>751</v>
      </c>
      <c r="B210" s="2" t="s">
        <v>752</v>
      </c>
      <c r="C210" s="1" t="s">
        <v>753</v>
      </c>
      <c r="D210" s="3">
        <v>36.750315860000001</v>
      </c>
      <c r="E210" s="3">
        <v>137.3091987</v>
      </c>
      <c r="F210" s="1" t="s">
        <v>754</v>
      </c>
      <c r="G210" s="1" t="s">
        <v>1265</v>
      </c>
      <c r="H210" s="1" t="s">
        <v>16</v>
      </c>
      <c r="I210" s="1" t="s">
        <v>24</v>
      </c>
      <c r="J210" s="1" t="s">
        <v>718</v>
      </c>
      <c r="K210" s="2">
        <v>0</v>
      </c>
      <c r="L210" s="2">
        <v>0</v>
      </c>
      <c r="M210" s="2">
        <v>0</v>
      </c>
      <c r="N210" s="2">
        <v>0</v>
      </c>
      <c r="O210" s="2">
        <v>1</v>
      </c>
      <c r="P210" s="2">
        <v>0</v>
      </c>
      <c r="Q210" s="2">
        <v>0</v>
      </c>
      <c r="R210" s="2">
        <v>0</v>
      </c>
    </row>
    <row r="211" spans="1:20" ht="20.100000000000001" customHeight="1">
      <c r="A211" s="1" t="s">
        <v>755</v>
      </c>
      <c r="B211" s="2" t="s">
        <v>756</v>
      </c>
      <c r="C211" s="1" t="s">
        <v>757</v>
      </c>
      <c r="D211" s="3">
        <v>36.754572420000002</v>
      </c>
      <c r="E211" s="3">
        <v>137.31229310000001</v>
      </c>
      <c r="F211" s="1" t="s">
        <v>1264</v>
      </c>
      <c r="G211" s="1" t="s">
        <v>1265</v>
      </c>
      <c r="H211" s="1" t="s">
        <v>16</v>
      </c>
      <c r="I211" s="1" t="s">
        <v>24</v>
      </c>
      <c r="J211" s="1" t="s">
        <v>718</v>
      </c>
      <c r="K211" s="2">
        <v>0</v>
      </c>
      <c r="L211" s="2">
        <v>0</v>
      </c>
      <c r="M211" s="2">
        <v>0</v>
      </c>
      <c r="N211" s="2">
        <v>0</v>
      </c>
      <c r="O211" s="2">
        <v>1</v>
      </c>
      <c r="P211" s="2">
        <v>0</v>
      </c>
      <c r="Q211" s="2">
        <v>0</v>
      </c>
      <c r="R211" s="2">
        <v>0</v>
      </c>
    </row>
    <row r="212" spans="1:20" ht="20.100000000000001" customHeight="1">
      <c r="A212" s="1" t="s">
        <v>758</v>
      </c>
      <c r="B212" s="2" t="s">
        <v>759</v>
      </c>
      <c r="C212" s="1" t="s">
        <v>760</v>
      </c>
      <c r="D212" s="3">
        <v>36.753458340000002</v>
      </c>
      <c r="E212" s="3">
        <v>137.202912</v>
      </c>
      <c r="F212" s="1" t="s">
        <v>761</v>
      </c>
      <c r="G212" s="1" t="s">
        <v>1265</v>
      </c>
      <c r="H212" s="1" t="s">
        <v>16</v>
      </c>
      <c r="I212" s="1" t="s">
        <v>24</v>
      </c>
      <c r="J212" s="1" t="s">
        <v>718</v>
      </c>
      <c r="K212" s="2">
        <v>0</v>
      </c>
      <c r="L212" s="2">
        <v>0</v>
      </c>
      <c r="M212" s="2">
        <v>0</v>
      </c>
      <c r="N212" s="2">
        <v>0</v>
      </c>
      <c r="O212" s="2">
        <v>1</v>
      </c>
      <c r="P212" s="2">
        <v>0</v>
      </c>
      <c r="Q212" s="2">
        <v>0</v>
      </c>
      <c r="R212" s="2">
        <v>0</v>
      </c>
    </row>
    <row r="213" spans="1:20" ht="20.100000000000001" customHeight="1">
      <c r="A213" s="1" t="s">
        <v>762</v>
      </c>
      <c r="B213" s="2" t="s">
        <v>763</v>
      </c>
      <c r="C213" s="1" t="s">
        <v>764</v>
      </c>
      <c r="D213" s="3">
        <v>36.756559330000002</v>
      </c>
      <c r="E213" s="3">
        <v>137.22780090000001</v>
      </c>
      <c r="F213" s="1" t="s">
        <v>765</v>
      </c>
      <c r="G213" s="1" t="s">
        <v>1265</v>
      </c>
      <c r="H213" s="1" t="s">
        <v>16</v>
      </c>
      <c r="I213" s="1" t="s">
        <v>24</v>
      </c>
      <c r="J213" s="1" t="s">
        <v>718</v>
      </c>
      <c r="K213" s="2">
        <v>1</v>
      </c>
      <c r="L213" s="2">
        <v>0</v>
      </c>
      <c r="M213" s="2">
        <v>0</v>
      </c>
      <c r="N213" s="2">
        <v>0</v>
      </c>
      <c r="O213" s="2" t="s">
        <v>1183</v>
      </c>
      <c r="P213" s="2">
        <v>0</v>
      </c>
      <c r="Q213" s="2">
        <v>0</v>
      </c>
      <c r="R213" s="2">
        <v>0</v>
      </c>
      <c r="T213" s="2" t="s">
        <v>1159</v>
      </c>
    </row>
    <row r="214" spans="1:20" ht="20.100000000000001" customHeight="1">
      <c r="A214" s="1" t="s">
        <v>766</v>
      </c>
      <c r="B214" s="2" t="s">
        <v>767</v>
      </c>
      <c r="C214" s="1" t="s">
        <v>768</v>
      </c>
      <c r="D214" s="3">
        <v>36.755042160000002</v>
      </c>
      <c r="E214" s="3">
        <v>137.3146562</v>
      </c>
      <c r="F214" s="1" t="s">
        <v>769</v>
      </c>
      <c r="G214" s="1" t="s">
        <v>1265</v>
      </c>
      <c r="H214" s="1" t="s">
        <v>16</v>
      </c>
      <c r="I214" s="1" t="s">
        <v>24</v>
      </c>
      <c r="J214" s="1" t="s">
        <v>718</v>
      </c>
      <c r="K214" s="2">
        <v>0</v>
      </c>
      <c r="L214" s="2">
        <v>0</v>
      </c>
      <c r="M214" s="2">
        <v>0</v>
      </c>
      <c r="N214" s="2">
        <v>0</v>
      </c>
      <c r="O214" s="2">
        <v>1</v>
      </c>
      <c r="P214" s="2">
        <v>0</v>
      </c>
      <c r="Q214" s="2">
        <v>0</v>
      </c>
      <c r="R214" s="2">
        <v>0</v>
      </c>
    </row>
    <row r="215" spans="1:20" ht="20.100000000000001" customHeight="1">
      <c r="A215" s="1" t="s">
        <v>770</v>
      </c>
      <c r="B215" s="2" t="s">
        <v>771</v>
      </c>
      <c r="C215" s="1" t="s">
        <v>772</v>
      </c>
      <c r="D215" s="3">
        <v>36.705267769999999</v>
      </c>
      <c r="E215" s="3">
        <v>137.21303349999999</v>
      </c>
      <c r="F215" s="1" t="s">
        <v>773</v>
      </c>
      <c r="G215" s="1" t="s">
        <v>1265</v>
      </c>
      <c r="H215" s="1" t="s">
        <v>16</v>
      </c>
      <c r="I215" s="1" t="s">
        <v>24</v>
      </c>
      <c r="J215" s="1" t="s">
        <v>718</v>
      </c>
      <c r="K215" s="2">
        <v>1</v>
      </c>
      <c r="L215" s="2">
        <v>0</v>
      </c>
      <c r="M215" s="2">
        <v>0</v>
      </c>
      <c r="N215" s="2">
        <v>0</v>
      </c>
      <c r="O215" s="2">
        <v>0</v>
      </c>
      <c r="P215" s="2">
        <v>0</v>
      </c>
      <c r="Q215" s="2">
        <v>0</v>
      </c>
      <c r="R215" s="2">
        <v>0</v>
      </c>
      <c r="T215" s="2" t="s">
        <v>1160</v>
      </c>
    </row>
    <row r="216" spans="1:20" ht="20.100000000000001" customHeight="1">
      <c r="A216" s="1" t="s">
        <v>774</v>
      </c>
      <c r="B216" s="2" t="s">
        <v>775</v>
      </c>
      <c r="C216" s="1" t="s">
        <v>776</v>
      </c>
      <c r="D216" s="3">
        <v>36.703028170000003</v>
      </c>
      <c r="E216" s="3">
        <v>137.21237149999999</v>
      </c>
      <c r="F216" s="1" t="s">
        <v>777</v>
      </c>
      <c r="G216" s="1" t="s">
        <v>1265</v>
      </c>
      <c r="H216" s="1" t="s">
        <v>16</v>
      </c>
      <c r="I216" s="1" t="s">
        <v>24</v>
      </c>
      <c r="J216" s="1" t="s">
        <v>718</v>
      </c>
      <c r="K216" s="2">
        <v>1</v>
      </c>
      <c r="L216" s="2">
        <v>0</v>
      </c>
      <c r="M216" s="2">
        <v>0</v>
      </c>
      <c r="N216" s="2">
        <v>0</v>
      </c>
      <c r="O216" s="2">
        <v>0</v>
      </c>
      <c r="P216" s="2">
        <v>0</v>
      </c>
      <c r="Q216" s="2">
        <v>0</v>
      </c>
      <c r="R216" s="2">
        <v>0</v>
      </c>
      <c r="T216" s="2" t="s">
        <v>1160</v>
      </c>
    </row>
    <row r="217" spans="1:20" ht="20.100000000000001" customHeight="1">
      <c r="A217" s="1" t="s">
        <v>778</v>
      </c>
      <c r="B217" s="2" t="s">
        <v>779</v>
      </c>
      <c r="C217" s="1" t="s">
        <v>780</v>
      </c>
      <c r="D217" s="3">
        <v>36.703544280000003</v>
      </c>
      <c r="E217" s="3">
        <v>137.21312789999999</v>
      </c>
      <c r="F217" s="1" t="s">
        <v>781</v>
      </c>
      <c r="G217" s="1" t="s">
        <v>1265</v>
      </c>
      <c r="H217" s="1" t="s">
        <v>16</v>
      </c>
      <c r="I217" s="1" t="s">
        <v>24</v>
      </c>
      <c r="J217" s="1" t="s">
        <v>718</v>
      </c>
      <c r="K217" s="2">
        <v>1</v>
      </c>
      <c r="L217" s="2">
        <v>0</v>
      </c>
      <c r="M217" s="2">
        <v>0</v>
      </c>
      <c r="N217" s="2">
        <v>0</v>
      </c>
      <c r="O217" s="2">
        <v>0</v>
      </c>
      <c r="P217" s="2">
        <v>0</v>
      </c>
      <c r="Q217" s="2">
        <v>0</v>
      </c>
      <c r="R217" s="2">
        <v>0</v>
      </c>
      <c r="T217" s="2" t="s">
        <v>1160</v>
      </c>
    </row>
    <row r="218" spans="1:20" ht="20.100000000000001" customHeight="1">
      <c r="A218" s="1" t="s">
        <v>782</v>
      </c>
      <c r="B218" s="2" t="s">
        <v>783</v>
      </c>
      <c r="C218" s="1" t="s">
        <v>784</v>
      </c>
      <c r="D218" s="3">
        <v>36.713053189999997</v>
      </c>
      <c r="E218" s="3">
        <v>137.2259976</v>
      </c>
      <c r="F218" s="1" t="s">
        <v>785</v>
      </c>
      <c r="G218" s="1" t="s">
        <v>1265</v>
      </c>
      <c r="H218" s="1" t="s">
        <v>16</v>
      </c>
      <c r="I218" s="1" t="s">
        <v>24</v>
      </c>
      <c r="J218" s="1" t="s">
        <v>718</v>
      </c>
      <c r="K218" s="2">
        <v>1</v>
      </c>
      <c r="L218" s="2">
        <v>0</v>
      </c>
      <c r="M218" s="2">
        <v>0</v>
      </c>
      <c r="N218" s="2">
        <v>0</v>
      </c>
      <c r="O218" s="2">
        <v>0</v>
      </c>
      <c r="P218" s="2">
        <v>0</v>
      </c>
      <c r="Q218" s="2">
        <v>0</v>
      </c>
      <c r="R218" s="2">
        <v>0</v>
      </c>
      <c r="T218" s="2" t="s">
        <v>1159</v>
      </c>
    </row>
    <row r="219" spans="1:20" ht="20.100000000000001" customHeight="1">
      <c r="A219" s="1" t="s">
        <v>786</v>
      </c>
      <c r="B219" s="2" t="s">
        <v>787</v>
      </c>
      <c r="C219" s="1" t="s">
        <v>788</v>
      </c>
      <c r="D219" s="3">
        <v>36.693400930000003</v>
      </c>
      <c r="E219" s="3">
        <v>137.21728640000001</v>
      </c>
      <c r="F219" s="1" t="s">
        <v>789</v>
      </c>
      <c r="G219" s="1" t="s">
        <v>1265</v>
      </c>
      <c r="H219" s="1" t="s">
        <v>16</v>
      </c>
      <c r="I219" s="1" t="s">
        <v>24</v>
      </c>
      <c r="J219" s="1" t="s">
        <v>718</v>
      </c>
      <c r="K219" s="2">
        <v>1</v>
      </c>
      <c r="L219" s="2">
        <v>0</v>
      </c>
      <c r="M219" s="2">
        <v>0</v>
      </c>
      <c r="N219" s="2">
        <v>0</v>
      </c>
      <c r="O219" s="2">
        <v>0</v>
      </c>
      <c r="P219" s="2">
        <v>0</v>
      </c>
      <c r="Q219" s="2">
        <v>0</v>
      </c>
      <c r="R219" s="2">
        <v>0</v>
      </c>
      <c r="T219" s="2" t="s">
        <v>1159</v>
      </c>
    </row>
    <row r="220" spans="1:20" ht="20.100000000000001" customHeight="1">
      <c r="A220" s="1" t="s">
        <v>790</v>
      </c>
      <c r="B220" s="2" t="s">
        <v>791</v>
      </c>
      <c r="C220" s="1" t="s">
        <v>792</v>
      </c>
      <c r="D220" s="3">
        <v>36.691181800000003</v>
      </c>
      <c r="E220" s="3">
        <v>137.21329689999999</v>
      </c>
      <c r="F220" s="1" t="s">
        <v>793</v>
      </c>
      <c r="G220" s="1" t="s">
        <v>1265</v>
      </c>
      <c r="H220" s="1" t="s">
        <v>16</v>
      </c>
      <c r="I220" s="1" t="s">
        <v>24</v>
      </c>
      <c r="J220" s="1" t="s">
        <v>718</v>
      </c>
      <c r="K220" s="2">
        <v>1</v>
      </c>
      <c r="L220" s="2">
        <v>0</v>
      </c>
      <c r="M220" s="2">
        <v>0</v>
      </c>
      <c r="N220" s="2">
        <v>0</v>
      </c>
      <c r="O220" s="2">
        <v>0</v>
      </c>
      <c r="P220" s="2">
        <v>0</v>
      </c>
      <c r="Q220" s="2">
        <v>0</v>
      </c>
      <c r="R220" s="2">
        <v>0</v>
      </c>
      <c r="T220" s="2" t="s">
        <v>1160</v>
      </c>
    </row>
    <row r="221" spans="1:20" ht="20.100000000000001" customHeight="1">
      <c r="A221" s="1" t="s">
        <v>794</v>
      </c>
      <c r="B221" s="2" t="s">
        <v>795</v>
      </c>
      <c r="C221" s="1" t="s">
        <v>796</v>
      </c>
      <c r="D221" s="3">
        <v>36.689130589999998</v>
      </c>
      <c r="E221" s="3">
        <v>137.21407980000001</v>
      </c>
      <c r="F221" s="1" t="s">
        <v>797</v>
      </c>
      <c r="G221" s="1" t="s">
        <v>1265</v>
      </c>
      <c r="H221" s="1" t="s">
        <v>16</v>
      </c>
      <c r="I221" s="1" t="s">
        <v>24</v>
      </c>
      <c r="J221" s="1" t="s">
        <v>718</v>
      </c>
      <c r="K221" s="2">
        <v>1</v>
      </c>
      <c r="L221" s="2">
        <v>0</v>
      </c>
      <c r="M221" s="2">
        <v>0</v>
      </c>
      <c r="N221" s="2">
        <v>0</v>
      </c>
      <c r="O221" s="2">
        <v>0</v>
      </c>
      <c r="P221" s="2">
        <v>0</v>
      </c>
      <c r="Q221" s="2">
        <v>0</v>
      </c>
      <c r="R221" s="2">
        <v>0</v>
      </c>
      <c r="T221" s="2" t="s">
        <v>1159</v>
      </c>
    </row>
    <row r="222" spans="1:20" ht="20.100000000000001" customHeight="1">
      <c r="A222" s="1" t="s">
        <v>798</v>
      </c>
      <c r="B222" s="2" t="s">
        <v>799</v>
      </c>
      <c r="C222" s="1" t="s">
        <v>800</v>
      </c>
      <c r="D222" s="3">
        <v>36.699137039999997</v>
      </c>
      <c r="E222" s="3">
        <v>137.2125355</v>
      </c>
      <c r="F222" s="1" t="s">
        <v>801</v>
      </c>
      <c r="G222" s="1" t="s">
        <v>1265</v>
      </c>
      <c r="H222" s="1" t="s">
        <v>16</v>
      </c>
      <c r="I222" s="1" t="s">
        <v>24</v>
      </c>
      <c r="J222" s="1" t="s">
        <v>718</v>
      </c>
      <c r="K222" s="2">
        <v>1</v>
      </c>
      <c r="L222" s="2">
        <v>0</v>
      </c>
      <c r="M222" s="2">
        <v>0</v>
      </c>
      <c r="N222" s="2">
        <v>0</v>
      </c>
      <c r="O222" s="2">
        <v>0</v>
      </c>
      <c r="P222" s="2">
        <v>0</v>
      </c>
      <c r="Q222" s="2">
        <v>0</v>
      </c>
      <c r="R222" s="2">
        <v>0</v>
      </c>
      <c r="T222" s="2" t="s">
        <v>1160</v>
      </c>
    </row>
    <row r="223" spans="1:20" ht="20.100000000000001" customHeight="1">
      <c r="A223" s="1" t="s">
        <v>802</v>
      </c>
      <c r="B223" s="2" t="s">
        <v>803</v>
      </c>
      <c r="C223" s="1" t="s">
        <v>804</v>
      </c>
      <c r="D223" s="3">
        <v>36.697667930000001</v>
      </c>
      <c r="E223" s="3">
        <v>137.21794130000001</v>
      </c>
      <c r="F223" s="1" t="s">
        <v>805</v>
      </c>
      <c r="G223" s="1" t="s">
        <v>1265</v>
      </c>
      <c r="H223" s="1" t="s">
        <v>16</v>
      </c>
      <c r="I223" s="1" t="s">
        <v>24</v>
      </c>
      <c r="J223" s="1" t="s">
        <v>718</v>
      </c>
      <c r="K223" s="2">
        <v>1</v>
      </c>
      <c r="L223" s="2">
        <v>0</v>
      </c>
      <c r="M223" s="2">
        <v>0</v>
      </c>
      <c r="N223" s="2">
        <v>0</v>
      </c>
      <c r="O223" s="2">
        <v>0</v>
      </c>
      <c r="P223" s="2">
        <v>0</v>
      </c>
      <c r="Q223" s="2">
        <v>0</v>
      </c>
      <c r="R223" s="2">
        <v>0</v>
      </c>
      <c r="T223" s="2" t="s">
        <v>1160</v>
      </c>
    </row>
    <row r="224" spans="1:20" ht="20.100000000000001" customHeight="1">
      <c r="A224" s="1" t="s">
        <v>806</v>
      </c>
      <c r="B224" s="2" t="s">
        <v>807</v>
      </c>
      <c r="C224" s="1" t="s">
        <v>808</v>
      </c>
      <c r="D224" s="3">
        <v>36.690501570000002</v>
      </c>
      <c r="E224" s="3">
        <v>137.2109088</v>
      </c>
      <c r="F224" s="1" t="s">
        <v>809</v>
      </c>
      <c r="G224" s="1" t="s">
        <v>1265</v>
      </c>
      <c r="H224" s="1" t="s">
        <v>16</v>
      </c>
      <c r="I224" s="1" t="s">
        <v>24</v>
      </c>
      <c r="J224" s="1" t="s">
        <v>718</v>
      </c>
      <c r="K224" s="2">
        <v>1</v>
      </c>
      <c r="L224" s="2">
        <v>0</v>
      </c>
      <c r="M224" s="2">
        <v>0</v>
      </c>
      <c r="N224" s="2">
        <v>0</v>
      </c>
      <c r="O224" s="2">
        <v>0</v>
      </c>
      <c r="P224" s="2">
        <v>0</v>
      </c>
      <c r="Q224" s="2">
        <v>0</v>
      </c>
      <c r="R224" s="2">
        <v>0</v>
      </c>
      <c r="T224" s="2" t="s">
        <v>1159</v>
      </c>
    </row>
    <row r="225" spans="1:20" ht="20.100000000000001" customHeight="1">
      <c r="A225" s="1" t="s">
        <v>810</v>
      </c>
      <c r="B225" s="2" t="s">
        <v>811</v>
      </c>
      <c r="C225" s="1" t="s">
        <v>812</v>
      </c>
      <c r="D225" s="3">
        <v>36.691541999999998</v>
      </c>
      <c r="E225" s="3">
        <v>137.21088990000001</v>
      </c>
      <c r="F225" s="1" t="s">
        <v>813</v>
      </c>
      <c r="G225" s="1" t="s">
        <v>1265</v>
      </c>
      <c r="H225" s="1" t="s">
        <v>16</v>
      </c>
      <c r="I225" s="1" t="s">
        <v>24</v>
      </c>
      <c r="J225" s="1" t="s">
        <v>718</v>
      </c>
      <c r="K225" s="2">
        <v>1</v>
      </c>
      <c r="L225" s="2">
        <v>0</v>
      </c>
      <c r="M225" s="2">
        <v>0</v>
      </c>
      <c r="N225" s="2">
        <v>0</v>
      </c>
      <c r="O225" s="2">
        <v>0</v>
      </c>
      <c r="P225" s="2">
        <v>0</v>
      </c>
      <c r="Q225" s="2">
        <v>0</v>
      </c>
      <c r="R225" s="2">
        <v>0</v>
      </c>
      <c r="T225" s="2" t="s">
        <v>1160</v>
      </c>
    </row>
    <row r="226" spans="1:20" ht="20.100000000000001" customHeight="1">
      <c r="A226" s="1" t="s">
        <v>814</v>
      </c>
      <c r="B226" s="2" t="s">
        <v>1209</v>
      </c>
      <c r="C226" s="1" t="s">
        <v>815</v>
      </c>
      <c r="D226" s="3">
        <v>36.69558353</v>
      </c>
      <c r="E226" s="3">
        <v>137.2123138</v>
      </c>
      <c r="F226" s="1" t="s">
        <v>816</v>
      </c>
      <c r="G226" s="1" t="s">
        <v>1265</v>
      </c>
      <c r="H226" s="1" t="s">
        <v>16</v>
      </c>
      <c r="I226" s="1" t="s">
        <v>24</v>
      </c>
      <c r="J226" s="1" t="s">
        <v>718</v>
      </c>
      <c r="K226" s="2">
        <v>1</v>
      </c>
      <c r="L226" s="2">
        <v>0</v>
      </c>
      <c r="M226" s="2">
        <v>0</v>
      </c>
      <c r="N226" s="2">
        <v>0</v>
      </c>
      <c r="O226" s="2">
        <v>0</v>
      </c>
      <c r="P226" s="2">
        <v>0</v>
      </c>
      <c r="Q226" s="2">
        <v>0</v>
      </c>
      <c r="R226" s="2">
        <v>0</v>
      </c>
      <c r="T226" s="2" t="s">
        <v>1160</v>
      </c>
    </row>
    <row r="227" spans="1:20" ht="20.100000000000001" customHeight="1">
      <c r="A227" s="1" t="s">
        <v>817</v>
      </c>
      <c r="B227" s="2" t="s">
        <v>818</v>
      </c>
      <c r="C227" s="1" t="s">
        <v>819</v>
      </c>
      <c r="D227" s="3">
        <v>36.680863260000002</v>
      </c>
      <c r="E227" s="3">
        <v>137.2118212</v>
      </c>
      <c r="F227" s="1" t="s">
        <v>820</v>
      </c>
      <c r="G227" s="1" t="s">
        <v>1265</v>
      </c>
      <c r="H227" s="1" t="s">
        <v>16</v>
      </c>
      <c r="I227" s="1" t="s">
        <v>24</v>
      </c>
      <c r="J227" s="1" t="s">
        <v>718</v>
      </c>
      <c r="K227" s="2">
        <v>1</v>
      </c>
      <c r="L227" s="2">
        <v>0</v>
      </c>
      <c r="M227" s="2">
        <v>0</v>
      </c>
      <c r="N227" s="2">
        <v>0</v>
      </c>
      <c r="O227" s="2">
        <v>0</v>
      </c>
      <c r="P227" s="2">
        <v>0</v>
      </c>
      <c r="Q227" s="2">
        <v>0</v>
      </c>
      <c r="R227" s="2">
        <v>0</v>
      </c>
      <c r="T227" s="2" t="s">
        <v>1159</v>
      </c>
    </row>
    <row r="228" spans="1:20" ht="20.100000000000001" customHeight="1">
      <c r="A228" s="1" t="s">
        <v>1233</v>
      </c>
      <c r="B228" s="2" t="s">
        <v>1120</v>
      </c>
      <c r="C228" s="1" t="s">
        <v>821</v>
      </c>
      <c r="D228" s="3">
        <v>36.689732339999999</v>
      </c>
      <c r="E228" s="3">
        <v>137.22042089999999</v>
      </c>
      <c r="F228" s="1" t="s">
        <v>822</v>
      </c>
      <c r="G228" s="1" t="s">
        <v>1265</v>
      </c>
      <c r="H228" s="1" t="s">
        <v>16</v>
      </c>
      <c r="I228" s="1" t="s">
        <v>24</v>
      </c>
      <c r="J228" s="1" t="s">
        <v>718</v>
      </c>
      <c r="K228" s="2">
        <v>1</v>
      </c>
      <c r="L228" s="2">
        <v>0</v>
      </c>
      <c r="M228" s="2">
        <v>0</v>
      </c>
      <c r="N228" s="2">
        <v>0</v>
      </c>
      <c r="O228" s="2">
        <v>0</v>
      </c>
      <c r="P228" s="2">
        <v>0</v>
      </c>
      <c r="Q228" s="2">
        <v>0</v>
      </c>
      <c r="R228" s="2">
        <v>0</v>
      </c>
      <c r="T228" s="2" t="s">
        <v>1159</v>
      </c>
    </row>
    <row r="229" spans="1:20" ht="20.100000000000001" customHeight="1">
      <c r="A229" s="1" t="s">
        <v>823</v>
      </c>
      <c r="B229" s="2" t="s">
        <v>824</v>
      </c>
      <c r="C229" s="1" t="s">
        <v>825</v>
      </c>
      <c r="D229" s="3">
        <v>36.682462710000003</v>
      </c>
      <c r="E229" s="3">
        <v>137.21479439999999</v>
      </c>
      <c r="F229" s="1" t="s">
        <v>826</v>
      </c>
      <c r="G229" s="1" t="s">
        <v>1265</v>
      </c>
      <c r="H229" s="1" t="s">
        <v>16</v>
      </c>
      <c r="I229" s="1" t="s">
        <v>24</v>
      </c>
      <c r="J229" s="1" t="s">
        <v>718</v>
      </c>
      <c r="K229" s="2">
        <v>1</v>
      </c>
      <c r="L229" s="2">
        <v>0</v>
      </c>
      <c r="M229" s="2">
        <v>0</v>
      </c>
      <c r="N229" s="2">
        <v>0</v>
      </c>
      <c r="O229" s="2">
        <v>0</v>
      </c>
      <c r="P229" s="2">
        <v>0</v>
      </c>
      <c r="Q229" s="2">
        <v>0</v>
      </c>
      <c r="R229" s="2">
        <v>0</v>
      </c>
      <c r="T229" s="2" t="s">
        <v>1159</v>
      </c>
    </row>
    <row r="230" spans="1:20" ht="20.100000000000001" customHeight="1">
      <c r="A230" s="1" t="s">
        <v>827</v>
      </c>
      <c r="B230" s="2" t="s">
        <v>828</v>
      </c>
      <c r="C230" s="1" t="s">
        <v>829</v>
      </c>
      <c r="D230" s="3">
        <v>36.68535473</v>
      </c>
      <c r="E230" s="3">
        <v>137.227136</v>
      </c>
      <c r="F230" s="1" t="s">
        <v>830</v>
      </c>
      <c r="G230" s="1" t="s">
        <v>1265</v>
      </c>
      <c r="H230" s="1" t="s">
        <v>16</v>
      </c>
      <c r="I230" s="1" t="s">
        <v>24</v>
      </c>
      <c r="J230" s="1" t="s">
        <v>718</v>
      </c>
      <c r="K230" s="2">
        <v>1</v>
      </c>
      <c r="L230" s="2">
        <v>0</v>
      </c>
      <c r="M230" s="2">
        <v>0</v>
      </c>
      <c r="N230" s="2">
        <v>0</v>
      </c>
      <c r="O230" s="2">
        <v>0</v>
      </c>
      <c r="P230" s="2">
        <v>0</v>
      </c>
      <c r="Q230" s="2">
        <v>0</v>
      </c>
      <c r="R230" s="2">
        <v>0</v>
      </c>
      <c r="T230" s="2" t="s">
        <v>1159</v>
      </c>
    </row>
    <row r="231" spans="1:20" ht="20.100000000000001" customHeight="1">
      <c r="A231" s="1" t="s">
        <v>831</v>
      </c>
      <c r="B231" s="2" t="s">
        <v>832</v>
      </c>
      <c r="C231" s="1" t="s">
        <v>833</v>
      </c>
      <c r="D231" s="3">
        <v>36.69573261</v>
      </c>
      <c r="E231" s="3">
        <v>137.23212620000001</v>
      </c>
      <c r="F231" s="1" t="s">
        <v>834</v>
      </c>
      <c r="G231" s="1" t="s">
        <v>1265</v>
      </c>
      <c r="H231" s="1" t="s">
        <v>16</v>
      </c>
      <c r="I231" s="1" t="s">
        <v>24</v>
      </c>
      <c r="J231" s="1" t="s">
        <v>718</v>
      </c>
      <c r="K231" s="2">
        <v>1</v>
      </c>
      <c r="L231" s="2">
        <v>0</v>
      </c>
      <c r="M231" s="2">
        <v>0</v>
      </c>
      <c r="N231" s="2">
        <v>0</v>
      </c>
      <c r="O231" s="2">
        <v>0</v>
      </c>
      <c r="P231" s="2">
        <v>0</v>
      </c>
      <c r="Q231" s="2">
        <v>0</v>
      </c>
      <c r="R231" s="2">
        <v>0</v>
      </c>
      <c r="T231" s="2" t="s">
        <v>1159</v>
      </c>
    </row>
    <row r="232" spans="1:20" ht="20.100000000000001" customHeight="1">
      <c r="A232" s="1" t="s">
        <v>835</v>
      </c>
      <c r="B232" s="2" t="s">
        <v>836</v>
      </c>
      <c r="C232" s="1" t="s">
        <v>837</v>
      </c>
      <c r="D232" s="3">
        <v>36.693934980000002</v>
      </c>
      <c r="E232" s="3">
        <v>137.2251699</v>
      </c>
      <c r="F232" s="1" t="s">
        <v>838</v>
      </c>
      <c r="G232" s="1" t="s">
        <v>1265</v>
      </c>
      <c r="H232" s="1" t="s">
        <v>16</v>
      </c>
      <c r="I232" s="1" t="s">
        <v>24</v>
      </c>
      <c r="J232" s="1" t="s">
        <v>718</v>
      </c>
      <c r="K232" s="2">
        <v>1</v>
      </c>
      <c r="L232" s="2">
        <v>0</v>
      </c>
      <c r="M232" s="2">
        <v>0</v>
      </c>
      <c r="N232" s="2">
        <v>0</v>
      </c>
      <c r="O232" s="2">
        <v>0</v>
      </c>
      <c r="P232" s="2">
        <v>0</v>
      </c>
      <c r="Q232" s="2">
        <v>0</v>
      </c>
      <c r="R232" s="2">
        <v>0</v>
      </c>
      <c r="T232" s="2" t="s">
        <v>1159</v>
      </c>
    </row>
    <row r="233" spans="1:20" ht="20.100000000000001" customHeight="1">
      <c r="A233" s="1" t="s">
        <v>839</v>
      </c>
      <c r="B233" s="2" t="s">
        <v>840</v>
      </c>
      <c r="C233" s="1" t="s">
        <v>841</v>
      </c>
      <c r="D233" s="3">
        <v>36.690918519999997</v>
      </c>
      <c r="E233" s="3">
        <v>137.23441600000001</v>
      </c>
      <c r="F233" s="1" t="s">
        <v>842</v>
      </c>
      <c r="G233" s="1" t="s">
        <v>1265</v>
      </c>
      <c r="H233" s="1" t="s">
        <v>16</v>
      </c>
      <c r="I233" s="1" t="s">
        <v>24</v>
      </c>
      <c r="J233" s="1" t="s">
        <v>718</v>
      </c>
      <c r="K233" s="2">
        <v>1</v>
      </c>
      <c r="L233" s="2">
        <v>0</v>
      </c>
      <c r="M233" s="2">
        <v>0</v>
      </c>
      <c r="N233" s="2">
        <v>0</v>
      </c>
      <c r="O233" s="2">
        <v>0</v>
      </c>
      <c r="P233" s="2">
        <v>0</v>
      </c>
      <c r="Q233" s="2">
        <v>0</v>
      </c>
      <c r="R233" s="2">
        <v>0</v>
      </c>
    </row>
    <row r="234" spans="1:20" ht="20.100000000000001" customHeight="1">
      <c r="A234" s="1" t="s">
        <v>843</v>
      </c>
      <c r="B234" s="2" t="s">
        <v>844</v>
      </c>
      <c r="C234" s="1" t="s">
        <v>845</v>
      </c>
      <c r="D234" s="3">
        <v>36.760152920000003</v>
      </c>
      <c r="E234" s="3">
        <v>137.23359110000001</v>
      </c>
      <c r="F234" s="1" t="s">
        <v>846</v>
      </c>
      <c r="G234" s="1" t="s">
        <v>1265</v>
      </c>
      <c r="H234" s="1" t="s">
        <v>16</v>
      </c>
      <c r="I234" s="1" t="s">
        <v>24</v>
      </c>
      <c r="J234" s="1" t="s">
        <v>718</v>
      </c>
      <c r="K234" s="2">
        <v>1</v>
      </c>
      <c r="L234" s="2">
        <v>0</v>
      </c>
      <c r="M234" s="2">
        <v>0</v>
      </c>
      <c r="N234" s="2">
        <v>0</v>
      </c>
      <c r="O234" s="2">
        <v>0</v>
      </c>
      <c r="P234" s="2">
        <v>0</v>
      </c>
      <c r="Q234" s="2">
        <v>0</v>
      </c>
      <c r="R234" s="2">
        <v>0</v>
      </c>
      <c r="T234" s="2" t="s">
        <v>1159</v>
      </c>
    </row>
    <row r="235" spans="1:20" ht="20.100000000000001" customHeight="1">
      <c r="A235" s="1" t="s">
        <v>847</v>
      </c>
      <c r="B235" s="2" t="s">
        <v>848</v>
      </c>
      <c r="C235" s="1" t="s">
        <v>849</v>
      </c>
      <c r="D235" s="3">
        <v>36.746275799999999</v>
      </c>
      <c r="E235" s="3">
        <v>137.22894729999999</v>
      </c>
      <c r="F235" s="1" t="s">
        <v>850</v>
      </c>
      <c r="G235" s="1" t="s">
        <v>1265</v>
      </c>
      <c r="H235" s="1" t="s">
        <v>16</v>
      </c>
      <c r="I235" s="1" t="s">
        <v>24</v>
      </c>
      <c r="J235" s="1" t="s">
        <v>718</v>
      </c>
      <c r="K235" s="2">
        <v>1</v>
      </c>
      <c r="L235" s="2">
        <v>0</v>
      </c>
      <c r="M235" s="2">
        <v>0</v>
      </c>
      <c r="N235" s="2">
        <v>0</v>
      </c>
      <c r="O235" s="2">
        <v>0</v>
      </c>
      <c r="P235" s="2">
        <v>0</v>
      </c>
      <c r="Q235" s="2">
        <v>0</v>
      </c>
      <c r="R235" s="2">
        <v>0</v>
      </c>
      <c r="T235" s="2" t="s">
        <v>1159</v>
      </c>
    </row>
    <row r="236" spans="1:20" ht="20.100000000000001" customHeight="1">
      <c r="A236" s="1" t="s">
        <v>847</v>
      </c>
      <c r="B236" s="2" t="s">
        <v>848</v>
      </c>
      <c r="C236" s="1" t="s">
        <v>849</v>
      </c>
      <c r="D236" s="3">
        <v>36.746275799999999</v>
      </c>
      <c r="E236" s="3">
        <v>137.22894729999999</v>
      </c>
      <c r="F236" s="1" t="s">
        <v>850</v>
      </c>
      <c r="G236" s="1" t="s">
        <v>1265</v>
      </c>
      <c r="H236" s="1" t="s">
        <v>16</v>
      </c>
      <c r="I236" s="1" t="s">
        <v>24</v>
      </c>
      <c r="J236" s="1" t="s">
        <v>718</v>
      </c>
      <c r="K236" s="2">
        <v>1</v>
      </c>
      <c r="L236" s="2">
        <v>0</v>
      </c>
      <c r="M236" s="2">
        <v>0</v>
      </c>
      <c r="N236" s="2">
        <v>0</v>
      </c>
      <c r="O236" s="2">
        <v>0</v>
      </c>
      <c r="P236" s="2">
        <v>0</v>
      </c>
      <c r="Q236" s="2">
        <v>0</v>
      </c>
      <c r="R236" s="2">
        <v>0</v>
      </c>
      <c r="T236" s="2" t="s">
        <v>1159</v>
      </c>
    </row>
    <row r="237" spans="1:20" ht="20.100000000000001" customHeight="1">
      <c r="A237" s="1" t="s">
        <v>852</v>
      </c>
      <c r="B237" s="2" t="s">
        <v>853</v>
      </c>
      <c r="C237" s="1" t="s">
        <v>1074</v>
      </c>
      <c r="D237" s="3">
        <v>36.73008658773</v>
      </c>
      <c r="E237" s="3">
        <v>137.23468502441</v>
      </c>
      <c r="F237" s="1" t="s">
        <v>854</v>
      </c>
      <c r="G237" s="1" t="s">
        <v>1265</v>
      </c>
      <c r="H237" s="1" t="s">
        <v>16</v>
      </c>
      <c r="I237" s="1" t="s">
        <v>24</v>
      </c>
      <c r="J237" s="1" t="s">
        <v>718</v>
      </c>
      <c r="K237" s="2">
        <v>1</v>
      </c>
      <c r="L237" s="2">
        <v>0</v>
      </c>
      <c r="M237" s="2">
        <v>0</v>
      </c>
      <c r="N237" s="2">
        <v>0</v>
      </c>
      <c r="O237" s="2">
        <v>0</v>
      </c>
      <c r="P237" s="2">
        <v>0</v>
      </c>
      <c r="Q237" s="2">
        <v>0</v>
      </c>
      <c r="R237" s="2">
        <v>0</v>
      </c>
    </row>
    <row r="238" spans="1:20" ht="20.100000000000001" customHeight="1">
      <c r="A238" s="1" t="s">
        <v>855</v>
      </c>
      <c r="B238" s="2" t="s">
        <v>1210</v>
      </c>
      <c r="C238" s="1" t="s">
        <v>1075</v>
      </c>
      <c r="D238" s="3">
        <v>36.730056492095002</v>
      </c>
      <c r="E238" s="3">
        <v>137.23438461699001</v>
      </c>
      <c r="F238" s="1" t="s">
        <v>856</v>
      </c>
      <c r="G238" s="1" t="s">
        <v>1265</v>
      </c>
      <c r="H238" s="1" t="s">
        <v>16</v>
      </c>
      <c r="I238" s="1" t="s">
        <v>24</v>
      </c>
      <c r="J238" s="1" t="s">
        <v>718</v>
      </c>
      <c r="K238" s="2">
        <v>1</v>
      </c>
      <c r="L238" s="2">
        <v>0</v>
      </c>
      <c r="M238" s="2">
        <v>0</v>
      </c>
      <c r="N238" s="2">
        <v>0</v>
      </c>
      <c r="O238" s="2">
        <v>0</v>
      </c>
      <c r="P238" s="2">
        <v>0</v>
      </c>
      <c r="Q238" s="2">
        <v>0</v>
      </c>
      <c r="R238" s="2">
        <v>0</v>
      </c>
    </row>
    <row r="239" spans="1:20" ht="20.100000000000001" customHeight="1">
      <c r="A239" s="1" t="s">
        <v>857</v>
      </c>
      <c r="B239" s="2" t="s">
        <v>858</v>
      </c>
      <c r="C239" s="1" t="s">
        <v>859</v>
      </c>
      <c r="D239" s="3">
        <v>36.751784440000002</v>
      </c>
      <c r="E239" s="3">
        <v>137.25032229999999</v>
      </c>
      <c r="F239" s="1" t="s">
        <v>860</v>
      </c>
      <c r="G239" s="1" t="s">
        <v>1265</v>
      </c>
      <c r="H239" s="1" t="s">
        <v>16</v>
      </c>
      <c r="I239" s="1" t="s">
        <v>24</v>
      </c>
      <c r="J239" s="1" t="s">
        <v>718</v>
      </c>
      <c r="K239" s="2">
        <v>1</v>
      </c>
      <c r="L239" s="2">
        <v>0</v>
      </c>
      <c r="M239" s="2">
        <v>0</v>
      </c>
      <c r="N239" s="2">
        <v>0</v>
      </c>
      <c r="O239" s="2">
        <v>0</v>
      </c>
      <c r="P239" s="2">
        <v>0</v>
      </c>
      <c r="Q239" s="2">
        <v>0</v>
      </c>
      <c r="R239" s="2">
        <v>0</v>
      </c>
    </row>
    <row r="240" spans="1:20" ht="20.100000000000001" customHeight="1">
      <c r="A240" s="1" t="s">
        <v>861</v>
      </c>
      <c r="B240" s="2" t="s">
        <v>862</v>
      </c>
      <c r="C240" s="1" t="s">
        <v>863</v>
      </c>
      <c r="D240" s="3">
        <v>36.763303649999997</v>
      </c>
      <c r="E240" s="3">
        <v>137.25134370000001</v>
      </c>
      <c r="F240" s="1" t="s">
        <v>864</v>
      </c>
      <c r="G240" s="1" t="s">
        <v>1265</v>
      </c>
      <c r="H240" s="1" t="s">
        <v>16</v>
      </c>
      <c r="I240" s="1" t="s">
        <v>24</v>
      </c>
      <c r="J240" s="1" t="s">
        <v>718</v>
      </c>
      <c r="K240" s="2">
        <v>1</v>
      </c>
      <c r="L240" s="2">
        <v>0</v>
      </c>
      <c r="M240" s="2">
        <v>0</v>
      </c>
      <c r="N240" s="2">
        <v>0</v>
      </c>
      <c r="O240" s="2">
        <v>0</v>
      </c>
      <c r="P240" s="2">
        <v>0</v>
      </c>
      <c r="Q240" s="2">
        <v>0</v>
      </c>
      <c r="R240" s="2">
        <v>0</v>
      </c>
    </row>
    <row r="241" spans="1:20" ht="20.100000000000001" customHeight="1">
      <c r="A241" s="1" t="s">
        <v>865</v>
      </c>
      <c r="B241" s="2" t="s">
        <v>866</v>
      </c>
      <c r="C241" s="1" t="s">
        <v>741</v>
      </c>
      <c r="D241" s="3">
        <v>36.758264769999997</v>
      </c>
      <c r="E241" s="3">
        <v>137.27354890000001</v>
      </c>
      <c r="F241" s="1" t="s">
        <v>742</v>
      </c>
      <c r="G241" s="1" t="s">
        <v>1265</v>
      </c>
      <c r="H241" s="1" t="s">
        <v>16</v>
      </c>
      <c r="I241" s="1" t="s">
        <v>24</v>
      </c>
      <c r="J241" s="1" t="s">
        <v>718</v>
      </c>
      <c r="K241" s="2">
        <v>1</v>
      </c>
      <c r="L241" s="2">
        <v>0</v>
      </c>
      <c r="M241" s="2">
        <v>0</v>
      </c>
      <c r="N241" s="2">
        <v>0</v>
      </c>
      <c r="O241" s="2">
        <v>0</v>
      </c>
      <c r="P241" s="2">
        <v>0</v>
      </c>
      <c r="Q241" s="2">
        <v>0</v>
      </c>
      <c r="R241" s="2">
        <v>0</v>
      </c>
      <c r="T241" s="2" t="s">
        <v>1159</v>
      </c>
    </row>
    <row r="242" spans="1:20" ht="20.100000000000001" customHeight="1">
      <c r="A242" s="1" t="s">
        <v>867</v>
      </c>
      <c r="B242" s="2" t="s">
        <v>868</v>
      </c>
      <c r="C242" s="1" t="s">
        <v>869</v>
      </c>
      <c r="D242" s="3">
        <v>36.758153020000002</v>
      </c>
      <c r="E242" s="3">
        <v>137.2778672</v>
      </c>
      <c r="F242" s="1" t="s">
        <v>870</v>
      </c>
      <c r="G242" s="1" t="s">
        <v>1265</v>
      </c>
      <c r="H242" s="1" t="s">
        <v>16</v>
      </c>
      <c r="I242" s="1" t="s">
        <v>24</v>
      </c>
      <c r="J242" s="1" t="s">
        <v>718</v>
      </c>
      <c r="K242" s="2">
        <v>1</v>
      </c>
      <c r="L242" s="2">
        <v>0</v>
      </c>
      <c r="M242" s="2">
        <v>0</v>
      </c>
      <c r="N242" s="2">
        <v>0</v>
      </c>
      <c r="O242" s="2">
        <v>0</v>
      </c>
      <c r="P242" s="2">
        <v>0</v>
      </c>
      <c r="Q242" s="2">
        <v>0</v>
      </c>
      <c r="R242" s="2">
        <v>0</v>
      </c>
      <c r="T242" s="2" t="s">
        <v>1159</v>
      </c>
    </row>
    <row r="243" spans="1:20" ht="20.100000000000001" customHeight="1">
      <c r="A243" s="1" t="s">
        <v>871</v>
      </c>
      <c r="B243" s="2" t="s">
        <v>872</v>
      </c>
      <c r="C243" s="1" t="s">
        <v>1308</v>
      </c>
      <c r="D243" s="3">
        <v>36.715932510000002</v>
      </c>
      <c r="E243" s="3">
        <v>137.24751000000001</v>
      </c>
      <c r="F243" s="1" t="s">
        <v>873</v>
      </c>
      <c r="G243" s="1" t="s">
        <v>1265</v>
      </c>
      <c r="H243" s="1" t="s">
        <v>16</v>
      </c>
      <c r="I243" s="1" t="s">
        <v>24</v>
      </c>
      <c r="J243" s="1" t="s">
        <v>718</v>
      </c>
      <c r="K243" s="2">
        <v>1</v>
      </c>
      <c r="L243" s="2">
        <v>0</v>
      </c>
      <c r="M243" s="2">
        <v>0</v>
      </c>
      <c r="N243" s="2">
        <v>0</v>
      </c>
      <c r="O243" s="2">
        <v>0</v>
      </c>
      <c r="P243" s="2">
        <v>0</v>
      </c>
      <c r="Q243" s="2">
        <v>0</v>
      </c>
      <c r="R243" s="2">
        <v>0</v>
      </c>
    </row>
    <row r="244" spans="1:20" ht="20.100000000000001" customHeight="1">
      <c r="A244" s="1" t="s">
        <v>874</v>
      </c>
      <c r="B244" s="2" t="s">
        <v>875</v>
      </c>
      <c r="C244" s="1" t="s">
        <v>876</v>
      </c>
      <c r="D244" s="3">
        <v>36.731501430000002</v>
      </c>
      <c r="E244" s="3">
        <v>137.27125380000001</v>
      </c>
      <c r="F244" s="1" t="s">
        <v>877</v>
      </c>
      <c r="G244" s="1" t="s">
        <v>1265</v>
      </c>
      <c r="H244" s="1" t="s">
        <v>16</v>
      </c>
      <c r="I244" s="1" t="s">
        <v>24</v>
      </c>
      <c r="J244" s="1" t="s">
        <v>718</v>
      </c>
      <c r="K244" s="2">
        <v>1</v>
      </c>
      <c r="L244" s="2">
        <v>0</v>
      </c>
      <c r="M244" s="2">
        <v>0</v>
      </c>
      <c r="N244" s="2">
        <v>0</v>
      </c>
      <c r="O244" s="2">
        <v>0</v>
      </c>
      <c r="P244" s="2">
        <v>0</v>
      </c>
      <c r="Q244" s="2">
        <v>0</v>
      </c>
      <c r="R244" s="2">
        <v>0</v>
      </c>
      <c r="T244" s="2" t="s">
        <v>1159</v>
      </c>
    </row>
    <row r="245" spans="1:20" ht="20.100000000000001" customHeight="1">
      <c r="A245" s="1" t="s">
        <v>878</v>
      </c>
      <c r="B245" s="2" t="s">
        <v>879</v>
      </c>
      <c r="C245" s="1" t="s">
        <v>1241</v>
      </c>
      <c r="D245" s="3">
        <v>36.733204020000002</v>
      </c>
      <c r="E245" s="3">
        <v>137.2645852</v>
      </c>
      <c r="F245" s="1" t="s">
        <v>880</v>
      </c>
      <c r="G245" s="1" t="s">
        <v>1265</v>
      </c>
      <c r="H245" s="1" t="s">
        <v>16</v>
      </c>
      <c r="I245" s="1" t="s">
        <v>24</v>
      </c>
      <c r="J245" s="1" t="s">
        <v>718</v>
      </c>
      <c r="K245" s="2">
        <v>1</v>
      </c>
      <c r="L245" s="2">
        <v>0</v>
      </c>
      <c r="M245" s="2">
        <v>0</v>
      </c>
      <c r="N245" s="2">
        <v>0</v>
      </c>
      <c r="O245" s="2">
        <v>0</v>
      </c>
      <c r="P245" s="2">
        <v>0</v>
      </c>
      <c r="Q245" s="2">
        <v>0</v>
      </c>
      <c r="R245" s="2">
        <v>0</v>
      </c>
      <c r="T245" s="2" t="s">
        <v>1159</v>
      </c>
    </row>
    <row r="246" spans="1:20" ht="20.100000000000001" customHeight="1">
      <c r="A246" s="1" t="s">
        <v>881</v>
      </c>
      <c r="B246" s="2" t="s">
        <v>882</v>
      </c>
      <c r="C246" s="1" t="s">
        <v>883</v>
      </c>
      <c r="D246" s="3">
        <v>36.702687150000003</v>
      </c>
      <c r="E246" s="3">
        <v>137.25194819999999</v>
      </c>
      <c r="F246" s="1" t="s">
        <v>884</v>
      </c>
      <c r="G246" s="1" t="s">
        <v>1265</v>
      </c>
      <c r="H246" s="1" t="s">
        <v>16</v>
      </c>
      <c r="I246" s="1" t="s">
        <v>24</v>
      </c>
      <c r="J246" s="1" t="s">
        <v>718</v>
      </c>
      <c r="K246" s="2">
        <v>1</v>
      </c>
      <c r="L246" s="2">
        <v>0</v>
      </c>
      <c r="M246" s="2">
        <v>0</v>
      </c>
      <c r="N246" s="2">
        <v>0</v>
      </c>
      <c r="O246" s="2">
        <v>0</v>
      </c>
      <c r="P246" s="2">
        <v>0</v>
      </c>
      <c r="Q246" s="2">
        <v>0</v>
      </c>
      <c r="R246" s="2">
        <v>0</v>
      </c>
      <c r="T246" s="2" t="s">
        <v>1159</v>
      </c>
    </row>
    <row r="247" spans="1:20" ht="20.100000000000001" customHeight="1">
      <c r="A247" s="1" t="s">
        <v>885</v>
      </c>
      <c r="B247" s="2" t="s">
        <v>886</v>
      </c>
      <c r="C247" s="1" t="s">
        <v>887</v>
      </c>
      <c r="D247" s="3">
        <v>36.698312970000003</v>
      </c>
      <c r="E247" s="3">
        <v>137.25229849999999</v>
      </c>
      <c r="F247" s="1" t="s">
        <v>888</v>
      </c>
      <c r="G247" s="1" t="s">
        <v>1265</v>
      </c>
      <c r="H247" s="1" t="s">
        <v>16</v>
      </c>
      <c r="I247" s="1" t="s">
        <v>24</v>
      </c>
      <c r="J247" s="1" t="s">
        <v>718</v>
      </c>
      <c r="K247" s="2">
        <v>1</v>
      </c>
      <c r="L247" s="2">
        <v>0</v>
      </c>
      <c r="M247" s="2">
        <v>0</v>
      </c>
      <c r="N247" s="2">
        <v>0</v>
      </c>
      <c r="O247" s="2">
        <v>0</v>
      </c>
      <c r="P247" s="2">
        <v>0</v>
      </c>
      <c r="Q247" s="2">
        <v>0</v>
      </c>
      <c r="R247" s="2">
        <v>0</v>
      </c>
      <c r="T247" s="2" t="s">
        <v>1159</v>
      </c>
    </row>
    <row r="248" spans="1:20" ht="20.100000000000001" customHeight="1">
      <c r="A248" s="1" t="s">
        <v>889</v>
      </c>
      <c r="B248" s="2" t="s">
        <v>890</v>
      </c>
      <c r="C248" s="1" t="s">
        <v>745</v>
      </c>
      <c r="D248" s="3">
        <v>36.750146970000003</v>
      </c>
      <c r="E248" s="3">
        <v>137.29419440000001</v>
      </c>
      <c r="F248" s="1" t="s">
        <v>746</v>
      </c>
      <c r="G248" s="1" t="s">
        <v>1265</v>
      </c>
      <c r="H248" s="1" t="s">
        <v>16</v>
      </c>
      <c r="I248" s="1" t="s">
        <v>24</v>
      </c>
      <c r="J248" s="1" t="s">
        <v>718</v>
      </c>
      <c r="K248" s="2">
        <v>1</v>
      </c>
      <c r="L248" s="2">
        <v>0</v>
      </c>
      <c r="M248" s="2">
        <v>0</v>
      </c>
      <c r="N248" s="2">
        <v>0</v>
      </c>
      <c r="O248" s="2">
        <v>0</v>
      </c>
      <c r="P248" s="2">
        <v>0</v>
      </c>
      <c r="Q248" s="2">
        <v>0</v>
      </c>
      <c r="R248" s="2">
        <v>0</v>
      </c>
      <c r="T248" s="2" t="s">
        <v>1159</v>
      </c>
    </row>
    <row r="249" spans="1:20" ht="20.100000000000001" customHeight="1">
      <c r="A249" s="1" t="s">
        <v>891</v>
      </c>
      <c r="B249" s="2" t="s">
        <v>892</v>
      </c>
      <c r="C249" s="1" t="s">
        <v>893</v>
      </c>
      <c r="D249" s="3">
        <v>36.739137759999998</v>
      </c>
      <c r="E249" s="3">
        <v>137.3264337</v>
      </c>
      <c r="F249" s="1" t="s">
        <v>894</v>
      </c>
      <c r="G249" s="1" t="s">
        <v>1265</v>
      </c>
      <c r="H249" s="1" t="s">
        <v>16</v>
      </c>
      <c r="I249" s="1" t="s">
        <v>24</v>
      </c>
      <c r="J249" s="1" t="s">
        <v>718</v>
      </c>
      <c r="K249" s="2">
        <v>1</v>
      </c>
      <c r="L249" s="2">
        <v>0</v>
      </c>
      <c r="M249" s="2">
        <v>0</v>
      </c>
      <c r="N249" s="2">
        <v>0</v>
      </c>
      <c r="O249" s="2">
        <v>0</v>
      </c>
      <c r="P249" s="2">
        <v>0</v>
      </c>
      <c r="Q249" s="2">
        <v>0</v>
      </c>
      <c r="R249" s="2">
        <v>0</v>
      </c>
      <c r="T249" s="2" t="s">
        <v>1159</v>
      </c>
    </row>
    <row r="250" spans="1:20" ht="20.100000000000001" customHeight="1">
      <c r="A250" s="1" t="s">
        <v>895</v>
      </c>
      <c r="B250" s="2" t="s">
        <v>896</v>
      </c>
      <c r="C250" s="1" t="s">
        <v>897</v>
      </c>
      <c r="D250" s="3">
        <v>36.720638899999997</v>
      </c>
      <c r="E250" s="3">
        <v>137.29130889999999</v>
      </c>
      <c r="F250" s="1" t="s">
        <v>898</v>
      </c>
      <c r="G250" s="1" t="s">
        <v>1265</v>
      </c>
      <c r="H250" s="1" t="s">
        <v>16</v>
      </c>
      <c r="I250" s="1" t="s">
        <v>24</v>
      </c>
      <c r="J250" s="1" t="s">
        <v>718</v>
      </c>
      <c r="K250" s="2">
        <v>1</v>
      </c>
      <c r="L250" s="2">
        <v>0</v>
      </c>
      <c r="M250" s="2">
        <v>0</v>
      </c>
      <c r="N250" s="2">
        <v>0</v>
      </c>
      <c r="O250" s="2">
        <v>0</v>
      </c>
      <c r="P250" s="2">
        <v>0</v>
      </c>
      <c r="Q250" s="2">
        <v>0</v>
      </c>
      <c r="R250" s="2">
        <v>0</v>
      </c>
      <c r="T250" s="2" t="s">
        <v>1159</v>
      </c>
    </row>
    <row r="251" spans="1:20" ht="20.100000000000001" customHeight="1">
      <c r="A251" s="1" t="s">
        <v>899</v>
      </c>
      <c r="B251" s="2" t="s">
        <v>900</v>
      </c>
      <c r="C251" s="1" t="s">
        <v>901</v>
      </c>
      <c r="D251" s="3">
        <v>36.719950050000001</v>
      </c>
      <c r="E251" s="3">
        <v>137.29233149999999</v>
      </c>
      <c r="F251" s="1" t="s">
        <v>902</v>
      </c>
      <c r="G251" s="1" t="s">
        <v>1265</v>
      </c>
      <c r="H251" s="1" t="s">
        <v>16</v>
      </c>
      <c r="I251" s="1" t="s">
        <v>24</v>
      </c>
      <c r="J251" s="1" t="s">
        <v>718</v>
      </c>
      <c r="K251" s="2">
        <v>1</v>
      </c>
      <c r="L251" s="2">
        <v>0</v>
      </c>
      <c r="M251" s="2">
        <v>0</v>
      </c>
      <c r="N251" s="2">
        <v>0</v>
      </c>
      <c r="O251" s="2">
        <v>0</v>
      </c>
      <c r="P251" s="2">
        <v>0</v>
      </c>
      <c r="Q251" s="2">
        <v>0</v>
      </c>
      <c r="R251" s="2">
        <v>0</v>
      </c>
    </row>
    <row r="252" spans="1:20" ht="20.100000000000001" customHeight="1">
      <c r="A252" s="1" t="s">
        <v>903</v>
      </c>
      <c r="B252" s="2" t="s">
        <v>904</v>
      </c>
      <c r="C252" s="1" t="s">
        <v>905</v>
      </c>
      <c r="D252" s="3">
        <v>36.723448249999997</v>
      </c>
      <c r="E252" s="3">
        <v>137.31370459999999</v>
      </c>
      <c r="F252" s="1" t="s">
        <v>906</v>
      </c>
      <c r="G252" s="1" t="s">
        <v>1265</v>
      </c>
      <c r="H252" s="1" t="s">
        <v>16</v>
      </c>
      <c r="I252" s="1" t="s">
        <v>24</v>
      </c>
      <c r="J252" s="1" t="s">
        <v>718</v>
      </c>
      <c r="K252" s="2">
        <v>1</v>
      </c>
      <c r="L252" s="2">
        <v>0</v>
      </c>
      <c r="M252" s="2">
        <v>0</v>
      </c>
      <c r="N252" s="2">
        <v>0</v>
      </c>
      <c r="O252" s="2">
        <v>0</v>
      </c>
      <c r="P252" s="2">
        <v>0</v>
      </c>
      <c r="Q252" s="2">
        <v>0</v>
      </c>
      <c r="R252" s="2">
        <v>0</v>
      </c>
    </row>
    <row r="253" spans="1:20" ht="20.100000000000001" customHeight="1">
      <c r="A253" s="1" t="s">
        <v>907</v>
      </c>
      <c r="B253" s="2" t="s">
        <v>908</v>
      </c>
      <c r="C253" s="1" t="s">
        <v>909</v>
      </c>
      <c r="D253" s="3">
        <v>36.723128979999998</v>
      </c>
      <c r="E253" s="3">
        <v>137.31329980000001</v>
      </c>
      <c r="F253" s="1" t="s">
        <v>910</v>
      </c>
      <c r="G253" s="1" t="s">
        <v>1265</v>
      </c>
      <c r="H253" s="1" t="s">
        <v>16</v>
      </c>
      <c r="I253" s="1" t="s">
        <v>24</v>
      </c>
      <c r="J253" s="1" t="s">
        <v>718</v>
      </c>
      <c r="K253" s="2">
        <v>1</v>
      </c>
      <c r="L253" s="2">
        <v>0</v>
      </c>
      <c r="M253" s="2">
        <v>0</v>
      </c>
      <c r="N253" s="2">
        <v>0</v>
      </c>
      <c r="O253" s="2">
        <v>0</v>
      </c>
      <c r="P253" s="2">
        <v>0</v>
      </c>
      <c r="Q253" s="2">
        <v>0</v>
      </c>
      <c r="R253" s="2">
        <v>0</v>
      </c>
    </row>
    <row r="254" spans="1:20" ht="20.100000000000001" customHeight="1">
      <c r="A254" s="1" t="s">
        <v>911</v>
      </c>
      <c r="B254" s="2" t="s">
        <v>912</v>
      </c>
      <c r="C254" s="1" t="s">
        <v>913</v>
      </c>
      <c r="D254" s="3">
        <v>36.739270959999999</v>
      </c>
      <c r="E254" s="3">
        <v>137.1885485</v>
      </c>
      <c r="F254" s="1" t="s">
        <v>914</v>
      </c>
      <c r="G254" s="1" t="s">
        <v>1265</v>
      </c>
      <c r="H254" s="1" t="s">
        <v>16</v>
      </c>
      <c r="I254" s="1" t="s">
        <v>24</v>
      </c>
      <c r="J254" s="1" t="s">
        <v>718</v>
      </c>
      <c r="K254" s="2">
        <v>1</v>
      </c>
      <c r="L254" s="2">
        <v>0</v>
      </c>
      <c r="M254" s="2">
        <v>0</v>
      </c>
      <c r="N254" s="2">
        <v>0</v>
      </c>
      <c r="O254" s="2">
        <v>0</v>
      </c>
      <c r="P254" s="2">
        <v>0</v>
      </c>
      <c r="Q254" s="2">
        <v>0</v>
      </c>
      <c r="R254" s="2">
        <v>0</v>
      </c>
    </row>
    <row r="255" spans="1:20" ht="20.100000000000001" customHeight="1">
      <c r="A255" s="1" t="s">
        <v>915</v>
      </c>
      <c r="B255" s="2" t="s">
        <v>916</v>
      </c>
      <c r="C255" s="1" t="s">
        <v>917</v>
      </c>
      <c r="D255" s="3">
        <v>36.733877990000003</v>
      </c>
      <c r="E255" s="3">
        <v>137.1907065</v>
      </c>
      <c r="F255" s="1" t="s">
        <v>918</v>
      </c>
      <c r="G255" s="1" t="s">
        <v>1265</v>
      </c>
      <c r="H255" s="1" t="s">
        <v>16</v>
      </c>
      <c r="I255" s="1" t="s">
        <v>24</v>
      </c>
      <c r="J255" s="1" t="s">
        <v>718</v>
      </c>
      <c r="K255" s="2">
        <v>1</v>
      </c>
      <c r="L255" s="2">
        <v>0</v>
      </c>
      <c r="M255" s="2">
        <v>0</v>
      </c>
      <c r="N255" s="2">
        <v>0</v>
      </c>
      <c r="O255" s="2">
        <v>0</v>
      </c>
      <c r="P255" s="2">
        <v>0</v>
      </c>
      <c r="Q255" s="2">
        <v>0</v>
      </c>
      <c r="R255" s="2">
        <v>0</v>
      </c>
    </row>
    <row r="256" spans="1:20" ht="20.100000000000001" customHeight="1">
      <c r="A256" s="1" t="s">
        <v>919</v>
      </c>
      <c r="B256" s="2" t="s">
        <v>920</v>
      </c>
      <c r="C256" s="1" t="s">
        <v>921</v>
      </c>
      <c r="D256" s="3">
        <v>36.708667210000002</v>
      </c>
      <c r="E256" s="3">
        <v>137.19906230000001</v>
      </c>
      <c r="F256" s="1" t="s">
        <v>922</v>
      </c>
      <c r="G256" s="1" t="s">
        <v>1265</v>
      </c>
      <c r="H256" s="1" t="s">
        <v>16</v>
      </c>
      <c r="I256" s="1" t="s">
        <v>24</v>
      </c>
      <c r="J256" s="1" t="s">
        <v>718</v>
      </c>
      <c r="K256" s="2">
        <v>1</v>
      </c>
      <c r="L256" s="2">
        <v>0</v>
      </c>
      <c r="M256" s="2">
        <v>0</v>
      </c>
      <c r="N256" s="2">
        <v>0</v>
      </c>
      <c r="O256" s="2">
        <v>0</v>
      </c>
      <c r="P256" s="2">
        <v>0</v>
      </c>
      <c r="Q256" s="2">
        <v>0</v>
      </c>
      <c r="R256" s="2">
        <v>0</v>
      </c>
      <c r="T256" s="2" t="s">
        <v>1159</v>
      </c>
    </row>
    <row r="257" spans="1:20" ht="20.100000000000001" customHeight="1">
      <c r="A257" s="1" t="s">
        <v>923</v>
      </c>
      <c r="B257" s="2" t="s">
        <v>924</v>
      </c>
      <c r="C257" s="1" t="s">
        <v>925</v>
      </c>
      <c r="D257" s="3">
        <v>36.701945629999997</v>
      </c>
      <c r="E257" s="3">
        <v>137.1848215</v>
      </c>
      <c r="F257" s="1" t="s">
        <v>926</v>
      </c>
      <c r="G257" s="1" t="s">
        <v>1265</v>
      </c>
      <c r="H257" s="1" t="s">
        <v>16</v>
      </c>
      <c r="I257" s="1" t="s">
        <v>24</v>
      </c>
      <c r="J257" s="1" t="s">
        <v>718</v>
      </c>
      <c r="K257" s="2">
        <v>1</v>
      </c>
      <c r="L257" s="2">
        <v>0</v>
      </c>
      <c r="M257" s="2">
        <v>0</v>
      </c>
      <c r="N257" s="2">
        <v>0</v>
      </c>
      <c r="O257" s="2">
        <v>0</v>
      </c>
      <c r="P257" s="2">
        <v>0</v>
      </c>
      <c r="Q257" s="2">
        <v>0</v>
      </c>
      <c r="R257" s="2">
        <v>0</v>
      </c>
      <c r="T257" s="2" t="s">
        <v>1159</v>
      </c>
    </row>
    <row r="258" spans="1:20" ht="20.100000000000001" customHeight="1">
      <c r="A258" s="1" t="s">
        <v>927</v>
      </c>
      <c r="B258" s="2" t="s">
        <v>928</v>
      </c>
      <c r="C258" s="1" t="s">
        <v>110</v>
      </c>
      <c r="D258" s="3">
        <v>36.686521220000003</v>
      </c>
      <c r="E258" s="3">
        <v>137.2671306</v>
      </c>
      <c r="F258" s="1" t="s">
        <v>929</v>
      </c>
      <c r="G258" s="1" t="s">
        <v>1265</v>
      </c>
      <c r="H258" s="1" t="s">
        <v>16</v>
      </c>
      <c r="I258" s="1" t="s">
        <v>24</v>
      </c>
      <c r="J258" s="1" t="s">
        <v>718</v>
      </c>
      <c r="K258" s="2">
        <v>1</v>
      </c>
      <c r="L258" s="2">
        <v>0</v>
      </c>
      <c r="M258" s="2">
        <v>0</v>
      </c>
      <c r="N258" s="2">
        <v>0</v>
      </c>
      <c r="O258" s="2">
        <v>0</v>
      </c>
      <c r="P258" s="2">
        <v>0</v>
      </c>
      <c r="Q258" s="2">
        <v>0</v>
      </c>
      <c r="R258" s="2">
        <v>0</v>
      </c>
      <c r="T258" s="2" t="s">
        <v>1159</v>
      </c>
    </row>
    <row r="259" spans="1:20" ht="20.100000000000001" customHeight="1">
      <c r="A259" s="1" t="s">
        <v>930</v>
      </c>
      <c r="B259" s="2" t="s">
        <v>931</v>
      </c>
      <c r="C259" s="1" t="s">
        <v>932</v>
      </c>
      <c r="D259" s="3">
        <v>36.678827740000003</v>
      </c>
      <c r="E259" s="3">
        <v>137.2372335</v>
      </c>
      <c r="F259" s="1" t="s">
        <v>933</v>
      </c>
      <c r="G259" s="1" t="s">
        <v>1265</v>
      </c>
      <c r="H259" s="1" t="s">
        <v>16</v>
      </c>
      <c r="I259" s="1" t="s">
        <v>24</v>
      </c>
      <c r="J259" s="1" t="s">
        <v>718</v>
      </c>
      <c r="K259" s="2">
        <v>1</v>
      </c>
      <c r="L259" s="2">
        <v>0</v>
      </c>
      <c r="M259" s="2">
        <v>0</v>
      </c>
      <c r="N259" s="2">
        <v>0</v>
      </c>
      <c r="O259" s="2">
        <v>0</v>
      </c>
      <c r="P259" s="2">
        <v>0</v>
      </c>
      <c r="Q259" s="2">
        <v>0</v>
      </c>
      <c r="R259" s="2">
        <v>0</v>
      </c>
    </row>
    <row r="260" spans="1:20" ht="20.100000000000001" customHeight="1">
      <c r="A260" s="1" t="s">
        <v>934</v>
      </c>
      <c r="B260" s="2" t="s">
        <v>935</v>
      </c>
      <c r="C260" s="1" t="s">
        <v>936</v>
      </c>
      <c r="D260" s="3">
        <v>36.671354489999999</v>
      </c>
      <c r="E260" s="3">
        <v>137.24534679999999</v>
      </c>
      <c r="F260" s="1" t="s">
        <v>937</v>
      </c>
      <c r="G260" s="1" t="s">
        <v>1265</v>
      </c>
      <c r="H260" s="1" t="s">
        <v>16</v>
      </c>
      <c r="I260" s="1" t="s">
        <v>24</v>
      </c>
      <c r="J260" s="1" t="s">
        <v>718</v>
      </c>
      <c r="K260" s="2">
        <v>1</v>
      </c>
      <c r="L260" s="2">
        <v>0</v>
      </c>
      <c r="M260" s="2">
        <v>0</v>
      </c>
      <c r="N260" s="2">
        <v>0</v>
      </c>
      <c r="O260" s="2">
        <v>0</v>
      </c>
      <c r="P260" s="2">
        <v>0</v>
      </c>
      <c r="Q260" s="2">
        <v>0</v>
      </c>
      <c r="R260" s="2">
        <v>0</v>
      </c>
    </row>
    <row r="261" spans="1:20" ht="20.100000000000001" customHeight="1">
      <c r="A261" s="1" t="s">
        <v>938</v>
      </c>
      <c r="B261" s="2" t="s">
        <v>1211</v>
      </c>
      <c r="C261" s="1" t="s">
        <v>939</v>
      </c>
      <c r="D261" s="3">
        <v>36.673441029999999</v>
      </c>
      <c r="E261" s="3">
        <v>137.23985479999999</v>
      </c>
      <c r="F261" s="1" t="s">
        <v>940</v>
      </c>
      <c r="G261" s="1" t="s">
        <v>1265</v>
      </c>
      <c r="H261" s="1" t="s">
        <v>16</v>
      </c>
      <c r="I261" s="1" t="s">
        <v>24</v>
      </c>
      <c r="J261" s="1" t="s">
        <v>718</v>
      </c>
      <c r="K261" s="2">
        <v>1</v>
      </c>
      <c r="L261" s="2">
        <v>0</v>
      </c>
      <c r="M261" s="2">
        <v>0</v>
      </c>
      <c r="N261" s="2">
        <v>0</v>
      </c>
      <c r="O261" s="2">
        <v>0</v>
      </c>
      <c r="P261" s="2">
        <v>0</v>
      </c>
      <c r="Q261" s="2">
        <v>0</v>
      </c>
      <c r="R261" s="2">
        <v>0</v>
      </c>
    </row>
    <row r="262" spans="1:20" ht="20.100000000000001" customHeight="1">
      <c r="A262" s="1" t="s">
        <v>941</v>
      </c>
      <c r="B262" s="2" t="s">
        <v>942</v>
      </c>
      <c r="C262" s="1" t="s">
        <v>943</v>
      </c>
      <c r="D262" s="3">
        <v>36.671367269999998</v>
      </c>
      <c r="E262" s="3">
        <v>137.25228010000001</v>
      </c>
      <c r="F262" s="1" t="s">
        <v>944</v>
      </c>
      <c r="G262" s="1" t="s">
        <v>1265</v>
      </c>
      <c r="H262" s="1" t="s">
        <v>16</v>
      </c>
      <c r="I262" s="1" t="s">
        <v>24</v>
      </c>
      <c r="J262" s="1" t="s">
        <v>718</v>
      </c>
      <c r="K262" s="2">
        <v>1</v>
      </c>
      <c r="L262" s="2">
        <v>0</v>
      </c>
      <c r="M262" s="2">
        <v>0</v>
      </c>
      <c r="N262" s="2">
        <v>0</v>
      </c>
      <c r="O262" s="2">
        <v>0</v>
      </c>
      <c r="P262" s="2">
        <v>0</v>
      </c>
      <c r="Q262" s="2">
        <v>0</v>
      </c>
      <c r="R262" s="2">
        <v>0</v>
      </c>
      <c r="T262" s="2" t="s">
        <v>1159</v>
      </c>
    </row>
    <row r="263" spans="1:20" ht="20.100000000000001" customHeight="1">
      <c r="A263" s="1" t="s">
        <v>945</v>
      </c>
      <c r="B263" s="2" t="s">
        <v>946</v>
      </c>
      <c r="C263" s="1" t="s">
        <v>947</v>
      </c>
      <c r="D263" s="3">
        <v>36.676381139999997</v>
      </c>
      <c r="E263" s="3">
        <v>137.2225866</v>
      </c>
      <c r="F263" s="1" t="s">
        <v>948</v>
      </c>
      <c r="G263" s="1" t="s">
        <v>1265</v>
      </c>
      <c r="H263" s="1" t="s">
        <v>16</v>
      </c>
      <c r="I263" s="1" t="s">
        <v>24</v>
      </c>
      <c r="J263" s="1" t="s">
        <v>718</v>
      </c>
      <c r="K263" s="2">
        <v>1</v>
      </c>
      <c r="L263" s="2">
        <v>0</v>
      </c>
      <c r="M263" s="2">
        <v>0</v>
      </c>
      <c r="N263" s="2">
        <v>0</v>
      </c>
      <c r="O263" s="2">
        <v>0</v>
      </c>
      <c r="P263" s="2">
        <v>0</v>
      </c>
      <c r="Q263" s="2">
        <v>0</v>
      </c>
      <c r="R263" s="2">
        <v>0</v>
      </c>
      <c r="T263" s="2" t="s">
        <v>1159</v>
      </c>
    </row>
    <row r="264" spans="1:20" ht="20.100000000000001" customHeight="1">
      <c r="A264" s="1" t="s">
        <v>949</v>
      </c>
      <c r="B264" s="2" t="s">
        <v>1212</v>
      </c>
      <c r="C264" s="1" t="s">
        <v>1242</v>
      </c>
      <c r="D264" s="3">
        <v>36.675424499999998</v>
      </c>
      <c r="E264" s="3">
        <v>137.2200938</v>
      </c>
      <c r="F264" s="1" t="s">
        <v>950</v>
      </c>
      <c r="G264" s="1" t="s">
        <v>1265</v>
      </c>
      <c r="H264" s="1" t="s">
        <v>16</v>
      </c>
      <c r="I264" s="1" t="s">
        <v>24</v>
      </c>
      <c r="J264" s="1" t="s">
        <v>718</v>
      </c>
      <c r="K264" s="2">
        <v>1</v>
      </c>
      <c r="L264" s="2">
        <v>0</v>
      </c>
      <c r="M264" s="2">
        <v>0</v>
      </c>
      <c r="N264" s="2">
        <v>0</v>
      </c>
      <c r="O264" s="2">
        <v>0</v>
      </c>
      <c r="P264" s="2">
        <v>0</v>
      </c>
      <c r="Q264" s="2">
        <v>0</v>
      </c>
      <c r="R264" s="2">
        <v>0</v>
      </c>
      <c r="T264" s="2" t="s">
        <v>1159</v>
      </c>
    </row>
    <row r="265" spans="1:20" ht="20.100000000000001" customHeight="1">
      <c r="A265" s="1" t="s">
        <v>951</v>
      </c>
      <c r="B265" s="2" t="s">
        <v>952</v>
      </c>
      <c r="C265" s="1" t="s">
        <v>953</v>
      </c>
      <c r="D265" s="3">
        <v>36.669730059999999</v>
      </c>
      <c r="E265" s="3">
        <v>137.2163228</v>
      </c>
      <c r="F265" s="1" t="s">
        <v>954</v>
      </c>
      <c r="G265" s="1" t="s">
        <v>1265</v>
      </c>
      <c r="H265" s="1" t="s">
        <v>16</v>
      </c>
      <c r="I265" s="1" t="s">
        <v>24</v>
      </c>
      <c r="J265" s="1" t="s">
        <v>718</v>
      </c>
      <c r="K265" s="2">
        <v>1</v>
      </c>
      <c r="L265" s="2">
        <v>0</v>
      </c>
      <c r="M265" s="2">
        <v>0</v>
      </c>
      <c r="N265" s="2">
        <v>0</v>
      </c>
      <c r="O265" s="2">
        <v>0</v>
      </c>
      <c r="P265" s="2">
        <v>0</v>
      </c>
      <c r="Q265" s="2">
        <v>0</v>
      </c>
      <c r="R265" s="2">
        <v>0</v>
      </c>
      <c r="T265" s="2" t="s">
        <v>1159</v>
      </c>
    </row>
    <row r="266" spans="1:20" ht="20.100000000000001" customHeight="1">
      <c r="A266" s="1" t="s">
        <v>955</v>
      </c>
      <c r="B266" s="2" t="s">
        <v>956</v>
      </c>
      <c r="C266" s="1" t="s">
        <v>957</v>
      </c>
      <c r="D266" s="3">
        <v>36.662404860000002</v>
      </c>
      <c r="E266" s="3">
        <v>137.2316706</v>
      </c>
      <c r="F266" s="1" t="s">
        <v>958</v>
      </c>
      <c r="G266" s="1" t="s">
        <v>1265</v>
      </c>
      <c r="H266" s="1" t="s">
        <v>16</v>
      </c>
      <c r="I266" s="1" t="s">
        <v>24</v>
      </c>
      <c r="J266" s="1" t="s">
        <v>718</v>
      </c>
      <c r="K266" s="2">
        <v>1</v>
      </c>
      <c r="L266" s="2">
        <v>0</v>
      </c>
      <c r="M266" s="2">
        <v>0</v>
      </c>
      <c r="N266" s="2">
        <v>0</v>
      </c>
      <c r="O266" s="2">
        <v>0</v>
      </c>
      <c r="P266" s="2">
        <v>0</v>
      </c>
      <c r="Q266" s="2">
        <v>0</v>
      </c>
      <c r="R266" s="2">
        <v>0</v>
      </c>
      <c r="T266" s="2" t="s">
        <v>1159</v>
      </c>
    </row>
    <row r="267" spans="1:20" ht="20.100000000000001" customHeight="1">
      <c r="A267" s="1" t="s">
        <v>959</v>
      </c>
      <c r="B267" s="2" t="s">
        <v>960</v>
      </c>
      <c r="C267" s="1" t="s">
        <v>961</v>
      </c>
      <c r="D267" s="3">
        <v>36.644094819999999</v>
      </c>
      <c r="E267" s="3">
        <v>137.21154809999999</v>
      </c>
      <c r="F267" s="1" t="s">
        <v>962</v>
      </c>
      <c r="G267" s="1" t="s">
        <v>1265</v>
      </c>
      <c r="H267" s="1" t="s">
        <v>16</v>
      </c>
      <c r="I267" s="1" t="s">
        <v>24</v>
      </c>
      <c r="J267" s="1" t="s">
        <v>718</v>
      </c>
      <c r="K267" s="2">
        <v>1</v>
      </c>
      <c r="L267" s="2">
        <v>0</v>
      </c>
      <c r="M267" s="2">
        <v>0</v>
      </c>
      <c r="N267" s="2">
        <v>0</v>
      </c>
      <c r="O267" s="2">
        <v>0</v>
      </c>
      <c r="P267" s="2">
        <v>0</v>
      </c>
      <c r="Q267" s="2">
        <v>0</v>
      </c>
      <c r="R267" s="2">
        <v>0</v>
      </c>
      <c r="T267" s="2" t="s">
        <v>1159</v>
      </c>
    </row>
    <row r="268" spans="1:20" ht="20.100000000000001" customHeight="1">
      <c r="A268" s="1" t="s">
        <v>963</v>
      </c>
      <c r="B268" s="2" t="s">
        <v>964</v>
      </c>
      <c r="C268" s="1" t="s">
        <v>965</v>
      </c>
      <c r="D268" s="3">
        <v>36.645251190000003</v>
      </c>
      <c r="E268" s="3">
        <v>137.20539890000001</v>
      </c>
      <c r="F268" s="1" t="s">
        <v>966</v>
      </c>
      <c r="G268" s="1" t="s">
        <v>1265</v>
      </c>
      <c r="H268" s="1" t="s">
        <v>16</v>
      </c>
      <c r="I268" s="1" t="s">
        <v>24</v>
      </c>
      <c r="J268" s="1" t="s">
        <v>718</v>
      </c>
      <c r="K268" s="2">
        <v>1</v>
      </c>
      <c r="L268" s="2">
        <v>0</v>
      </c>
      <c r="M268" s="2">
        <v>0</v>
      </c>
      <c r="N268" s="2">
        <v>0</v>
      </c>
      <c r="O268" s="2">
        <v>0</v>
      </c>
      <c r="P268" s="2">
        <v>0</v>
      </c>
      <c r="Q268" s="2">
        <v>0</v>
      </c>
      <c r="R268" s="2">
        <v>0</v>
      </c>
      <c r="T268" s="2" t="s">
        <v>1159</v>
      </c>
    </row>
    <row r="269" spans="1:20" ht="20.100000000000001" customHeight="1">
      <c r="A269" s="1" t="s">
        <v>967</v>
      </c>
      <c r="B269" s="2" t="s">
        <v>968</v>
      </c>
      <c r="C269" s="1" t="s">
        <v>969</v>
      </c>
      <c r="D269" s="3">
        <v>36.654780420000002</v>
      </c>
      <c r="E269" s="3">
        <v>137.22154080000001</v>
      </c>
      <c r="F269" s="1" t="s">
        <v>970</v>
      </c>
      <c r="G269" s="1" t="s">
        <v>1265</v>
      </c>
      <c r="H269" s="1" t="s">
        <v>16</v>
      </c>
      <c r="I269" s="1" t="s">
        <v>24</v>
      </c>
      <c r="J269" s="1" t="s">
        <v>718</v>
      </c>
      <c r="K269" s="2">
        <v>1</v>
      </c>
      <c r="L269" s="2">
        <v>0</v>
      </c>
      <c r="M269" s="2">
        <v>0</v>
      </c>
      <c r="N269" s="2">
        <v>0</v>
      </c>
      <c r="O269" s="2">
        <v>0</v>
      </c>
      <c r="P269" s="2">
        <v>0</v>
      </c>
      <c r="Q269" s="2">
        <v>0</v>
      </c>
      <c r="R269" s="2">
        <v>0</v>
      </c>
      <c r="T269" s="2" t="s">
        <v>1159</v>
      </c>
    </row>
    <row r="270" spans="1:20" ht="20.100000000000001" customHeight="1">
      <c r="A270" s="1" t="s">
        <v>971</v>
      </c>
      <c r="B270" s="2" t="s">
        <v>972</v>
      </c>
      <c r="C270" s="1" t="s">
        <v>973</v>
      </c>
      <c r="D270" s="3">
        <v>36.632608439999998</v>
      </c>
      <c r="E270" s="3">
        <v>137.193906</v>
      </c>
      <c r="F270" s="1" t="s">
        <v>974</v>
      </c>
      <c r="G270" s="1" t="s">
        <v>1265</v>
      </c>
      <c r="H270" s="1" t="s">
        <v>16</v>
      </c>
      <c r="I270" s="1" t="s">
        <v>24</v>
      </c>
      <c r="J270" s="1" t="s">
        <v>718</v>
      </c>
      <c r="K270" s="2">
        <v>1</v>
      </c>
      <c r="L270" s="2">
        <v>0</v>
      </c>
      <c r="M270" s="2">
        <v>0</v>
      </c>
      <c r="N270" s="2">
        <v>0</v>
      </c>
      <c r="O270" s="2">
        <v>0</v>
      </c>
      <c r="P270" s="2">
        <v>0</v>
      </c>
      <c r="Q270" s="2">
        <v>0</v>
      </c>
      <c r="R270" s="2">
        <v>0</v>
      </c>
      <c r="T270" s="2" t="s">
        <v>1159</v>
      </c>
    </row>
    <row r="271" spans="1:20" ht="20.100000000000001" customHeight="1">
      <c r="A271" s="1" t="s">
        <v>975</v>
      </c>
      <c r="B271" s="2" t="s">
        <v>976</v>
      </c>
      <c r="C271" s="1" t="s">
        <v>977</v>
      </c>
      <c r="D271" s="3">
        <v>36.644873050000001</v>
      </c>
      <c r="E271" s="3">
        <v>137.1900923</v>
      </c>
      <c r="F271" s="1" t="s">
        <v>978</v>
      </c>
      <c r="G271" s="1" t="s">
        <v>1265</v>
      </c>
      <c r="H271" s="1" t="s">
        <v>16</v>
      </c>
      <c r="I271" s="1" t="s">
        <v>24</v>
      </c>
      <c r="J271" s="1" t="s">
        <v>718</v>
      </c>
      <c r="K271" s="2">
        <v>1</v>
      </c>
      <c r="L271" s="2">
        <v>0</v>
      </c>
      <c r="M271" s="2">
        <v>0</v>
      </c>
      <c r="N271" s="2">
        <v>0</v>
      </c>
      <c r="O271" s="2">
        <v>0</v>
      </c>
      <c r="P271" s="2">
        <v>0</v>
      </c>
      <c r="Q271" s="2">
        <v>0</v>
      </c>
      <c r="R271" s="2">
        <v>0</v>
      </c>
      <c r="T271" s="2" t="s">
        <v>1159</v>
      </c>
    </row>
    <row r="272" spans="1:20" ht="20.100000000000001" customHeight="1">
      <c r="A272" s="1" t="s">
        <v>980</v>
      </c>
      <c r="B272" s="2" t="s">
        <v>981</v>
      </c>
      <c r="C272" s="1" t="s">
        <v>979</v>
      </c>
      <c r="D272" s="3">
        <v>36.639138449999997</v>
      </c>
      <c r="E272" s="3">
        <v>137.19732210000001</v>
      </c>
      <c r="F272" s="1" t="s">
        <v>982</v>
      </c>
      <c r="G272" s="1" t="s">
        <v>1265</v>
      </c>
      <c r="H272" s="1" t="s">
        <v>16</v>
      </c>
      <c r="I272" s="1" t="s">
        <v>24</v>
      </c>
      <c r="J272" s="1" t="s">
        <v>718</v>
      </c>
      <c r="K272" s="2">
        <v>1</v>
      </c>
      <c r="L272" s="2">
        <v>0</v>
      </c>
      <c r="M272" s="2">
        <v>0</v>
      </c>
      <c r="N272" s="2">
        <v>0</v>
      </c>
      <c r="O272" s="2">
        <v>0</v>
      </c>
      <c r="P272" s="2">
        <v>0</v>
      </c>
      <c r="Q272" s="2">
        <v>0</v>
      </c>
      <c r="R272" s="2">
        <v>0</v>
      </c>
      <c r="T272" s="2" t="s">
        <v>1159</v>
      </c>
    </row>
    <row r="273" spans="1:20" ht="20.100000000000001" customHeight="1">
      <c r="A273" s="1" t="s">
        <v>983</v>
      </c>
      <c r="B273" s="2" t="s">
        <v>984</v>
      </c>
      <c r="C273" s="1" t="s">
        <v>985</v>
      </c>
      <c r="D273" s="3">
        <v>36.636920699999997</v>
      </c>
      <c r="E273" s="3">
        <v>137.20249630000001</v>
      </c>
      <c r="F273" s="1" t="s">
        <v>986</v>
      </c>
      <c r="G273" s="1" t="s">
        <v>1265</v>
      </c>
      <c r="H273" s="1" t="s">
        <v>16</v>
      </c>
      <c r="I273" s="1" t="s">
        <v>24</v>
      </c>
      <c r="J273" s="1" t="s">
        <v>718</v>
      </c>
      <c r="K273" s="2">
        <v>1</v>
      </c>
      <c r="L273" s="2">
        <v>0</v>
      </c>
      <c r="M273" s="2">
        <v>0</v>
      </c>
      <c r="N273" s="2">
        <v>0</v>
      </c>
      <c r="O273" s="2">
        <v>0</v>
      </c>
      <c r="P273" s="2">
        <v>0</v>
      </c>
      <c r="Q273" s="2">
        <v>0</v>
      </c>
      <c r="R273" s="2">
        <v>0</v>
      </c>
      <c r="T273" s="2" t="s">
        <v>1159</v>
      </c>
    </row>
    <row r="274" spans="1:20" ht="20.100000000000001" customHeight="1">
      <c r="A274" s="1" t="s">
        <v>987</v>
      </c>
      <c r="B274" s="2" t="s">
        <v>988</v>
      </c>
      <c r="C274" s="1" t="s">
        <v>989</v>
      </c>
      <c r="D274" s="3">
        <v>36.64352813</v>
      </c>
      <c r="E274" s="3">
        <v>137.27490399999999</v>
      </c>
      <c r="F274" s="1" t="s">
        <v>990</v>
      </c>
      <c r="G274" s="1" t="s">
        <v>1265</v>
      </c>
      <c r="H274" s="1" t="s">
        <v>16</v>
      </c>
      <c r="I274" s="1" t="s">
        <v>24</v>
      </c>
      <c r="J274" s="1" t="s">
        <v>718</v>
      </c>
      <c r="K274" s="2">
        <v>1</v>
      </c>
      <c r="L274" s="2">
        <v>0</v>
      </c>
      <c r="M274" s="2">
        <v>0</v>
      </c>
      <c r="N274" s="2">
        <v>0</v>
      </c>
      <c r="O274" s="2">
        <v>0</v>
      </c>
      <c r="P274" s="2">
        <v>0</v>
      </c>
      <c r="Q274" s="2">
        <v>0</v>
      </c>
      <c r="R274" s="2">
        <v>0</v>
      </c>
      <c r="T274" s="2" t="s">
        <v>1159</v>
      </c>
    </row>
    <row r="275" spans="1:20" ht="20.100000000000001" customHeight="1">
      <c r="A275" s="1" t="s">
        <v>991</v>
      </c>
      <c r="B275" s="2" t="s">
        <v>992</v>
      </c>
      <c r="C275" s="1" t="s">
        <v>989</v>
      </c>
      <c r="D275" s="3">
        <v>36.642977190000003</v>
      </c>
      <c r="E275" s="3">
        <v>137.27412079999999</v>
      </c>
      <c r="F275" s="1" t="s">
        <v>993</v>
      </c>
      <c r="G275" s="1" t="s">
        <v>1265</v>
      </c>
      <c r="H275" s="1" t="s">
        <v>16</v>
      </c>
      <c r="I275" s="1" t="s">
        <v>24</v>
      </c>
      <c r="J275" s="1" t="s">
        <v>718</v>
      </c>
      <c r="K275" s="2">
        <v>1</v>
      </c>
      <c r="L275" s="2">
        <v>0</v>
      </c>
      <c r="M275" s="2">
        <v>0</v>
      </c>
      <c r="N275" s="2">
        <v>0</v>
      </c>
      <c r="O275" s="2">
        <v>0</v>
      </c>
      <c r="P275" s="2">
        <v>0</v>
      </c>
      <c r="Q275" s="2">
        <v>0</v>
      </c>
      <c r="R275" s="2">
        <v>0</v>
      </c>
      <c r="T275" s="2" t="s">
        <v>1159</v>
      </c>
    </row>
    <row r="276" spans="1:20" ht="20.100000000000001" customHeight="1">
      <c r="A276" s="1" t="s">
        <v>994</v>
      </c>
      <c r="B276" s="2" t="s">
        <v>995</v>
      </c>
      <c r="C276" s="1" t="s">
        <v>996</v>
      </c>
      <c r="D276" s="3">
        <v>36.622330689999998</v>
      </c>
      <c r="E276" s="3">
        <v>137.25251399999999</v>
      </c>
      <c r="F276" s="1" t="s">
        <v>997</v>
      </c>
      <c r="G276" s="1" t="s">
        <v>1265</v>
      </c>
      <c r="H276" s="1" t="s">
        <v>16</v>
      </c>
      <c r="I276" s="1" t="s">
        <v>24</v>
      </c>
      <c r="J276" s="1" t="s">
        <v>718</v>
      </c>
      <c r="K276" s="2">
        <v>1</v>
      </c>
      <c r="L276" s="2">
        <v>0</v>
      </c>
      <c r="M276" s="2">
        <v>0</v>
      </c>
      <c r="N276" s="2">
        <v>0</v>
      </c>
      <c r="O276" s="2">
        <v>0</v>
      </c>
      <c r="P276" s="2">
        <v>0</v>
      </c>
      <c r="Q276" s="2">
        <v>0</v>
      </c>
      <c r="R276" s="2">
        <v>0</v>
      </c>
    </row>
    <row r="277" spans="1:20" ht="20.100000000000001" customHeight="1">
      <c r="A277" s="1" t="s">
        <v>998</v>
      </c>
      <c r="B277" s="2" t="s">
        <v>999</v>
      </c>
      <c r="C277" s="1" t="s">
        <v>1000</v>
      </c>
      <c r="D277" s="3">
        <v>36.629683100000001</v>
      </c>
      <c r="E277" s="3">
        <v>137.24568679999999</v>
      </c>
      <c r="F277" s="1" t="s">
        <v>1001</v>
      </c>
      <c r="G277" s="1" t="s">
        <v>1265</v>
      </c>
      <c r="H277" s="1" t="s">
        <v>16</v>
      </c>
      <c r="I277" s="1" t="s">
        <v>24</v>
      </c>
      <c r="J277" s="1" t="s">
        <v>718</v>
      </c>
      <c r="K277" s="2">
        <v>1</v>
      </c>
      <c r="L277" s="2">
        <v>0</v>
      </c>
      <c r="M277" s="2">
        <v>0</v>
      </c>
      <c r="N277" s="2">
        <v>0</v>
      </c>
      <c r="O277" s="2">
        <v>0</v>
      </c>
      <c r="P277" s="2">
        <v>0</v>
      </c>
      <c r="Q277" s="2">
        <v>0</v>
      </c>
      <c r="R277" s="2">
        <v>0</v>
      </c>
    </row>
    <row r="278" spans="1:20" ht="20.100000000000001" customHeight="1">
      <c r="A278" s="1" t="s">
        <v>1002</v>
      </c>
      <c r="B278" s="2" t="s">
        <v>1003</v>
      </c>
      <c r="C278" s="1" t="s">
        <v>1004</v>
      </c>
      <c r="D278" s="3">
        <v>36.622257490000003</v>
      </c>
      <c r="E278" s="3">
        <v>137.25308799999999</v>
      </c>
      <c r="F278" s="1" t="s">
        <v>1005</v>
      </c>
      <c r="G278" s="1" t="s">
        <v>1265</v>
      </c>
      <c r="H278" s="1" t="s">
        <v>16</v>
      </c>
      <c r="I278" s="1" t="s">
        <v>24</v>
      </c>
      <c r="J278" s="1" t="s">
        <v>718</v>
      </c>
      <c r="K278" s="2">
        <v>1</v>
      </c>
      <c r="L278" s="2">
        <v>0</v>
      </c>
      <c r="M278" s="2">
        <v>0</v>
      </c>
      <c r="N278" s="2">
        <v>0</v>
      </c>
      <c r="O278" s="2">
        <v>0</v>
      </c>
      <c r="P278" s="2">
        <v>0</v>
      </c>
      <c r="Q278" s="2">
        <v>0</v>
      </c>
      <c r="R278" s="2">
        <v>0</v>
      </c>
    </row>
    <row r="279" spans="1:20" ht="20.100000000000001" customHeight="1">
      <c r="A279" s="1" t="s">
        <v>1006</v>
      </c>
      <c r="B279" s="2" t="s">
        <v>1007</v>
      </c>
      <c r="C279" s="1" t="s">
        <v>1008</v>
      </c>
      <c r="D279" s="3">
        <v>36.661715049999998</v>
      </c>
      <c r="E279" s="3">
        <v>137.1816805</v>
      </c>
      <c r="F279" s="1" t="s">
        <v>1009</v>
      </c>
      <c r="G279" s="1" t="s">
        <v>1265</v>
      </c>
      <c r="H279" s="1" t="s">
        <v>16</v>
      </c>
      <c r="I279" s="1" t="s">
        <v>24</v>
      </c>
      <c r="J279" s="1" t="s">
        <v>718</v>
      </c>
      <c r="K279" s="2">
        <v>1</v>
      </c>
      <c r="L279" s="2">
        <v>0</v>
      </c>
      <c r="M279" s="2">
        <v>0</v>
      </c>
      <c r="N279" s="2">
        <v>0</v>
      </c>
      <c r="O279" s="2">
        <v>0</v>
      </c>
      <c r="P279" s="2">
        <v>0</v>
      </c>
      <c r="Q279" s="2">
        <v>0</v>
      </c>
      <c r="R279" s="2">
        <v>0</v>
      </c>
      <c r="T279" s="2" t="s">
        <v>1159</v>
      </c>
    </row>
    <row r="280" spans="1:20" ht="20.100000000000001" customHeight="1">
      <c r="A280" s="1" t="s">
        <v>1010</v>
      </c>
      <c r="B280" s="2" t="s">
        <v>1011</v>
      </c>
      <c r="C280" s="1" t="s">
        <v>1012</v>
      </c>
      <c r="D280" s="3">
        <v>36.639239609999997</v>
      </c>
      <c r="E280" s="3">
        <v>137.17448329999999</v>
      </c>
      <c r="F280" s="1" t="s">
        <v>1013</v>
      </c>
      <c r="G280" s="1" t="s">
        <v>1265</v>
      </c>
      <c r="H280" s="1" t="s">
        <v>16</v>
      </c>
      <c r="I280" s="1" t="s">
        <v>24</v>
      </c>
      <c r="J280" s="1" t="s">
        <v>718</v>
      </c>
      <c r="K280" s="2">
        <v>1</v>
      </c>
      <c r="L280" s="2">
        <v>0</v>
      </c>
      <c r="M280" s="2">
        <v>0</v>
      </c>
      <c r="N280" s="2">
        <v>0</v>
      </c>
      <c r="O280" s="2">
        <v>0</v>
      </c>
      <c r="P280" s="2">
        <v>0</v>
      </c>
      <c r="Q280" s="2">
        <v>0</v>
      </c>
      <c r="R280" s="2">
        <v>0</v>
      </c>
      <c r="T280" s="2" t="s">
        <v>1159</v>
      </c>
    </row>
    <row r="281" spans="1:20" ht="20.100000000000001" customHeight="1">
      <c r="A281" s="1" t="s">
        <v>1014</v>
      </c>
      <c r="B281" s="2" t="s">
        <v>1015</v>
      </c>
      <c r="C281" s="1" t="s">
        <v>1016</v>
      </c>
      <c r="D281" s="3">
        <v>36.693282410000002</v>
      </c>
      <c r="E281" s="3">
        <v>137.2113598</v>
      </c>
      <c r="F281" s="1" t="s">
        <v>1264</v>
      </c>
      <c r="G281" s="1" t="s">
        <v>1265</v>
      </c>
      <c r="H281" s="1" t="s">
        <v>16</v>
      </c>
      <c r="I281" s="1" t="s">
        <v>24</v>
      </c>
      <c r="J281" s="1" t="s">
        <v>718</v>
      </c>
      <c r="K281" s="2">
        <v>0</v>
      </c>
      <c r="L281" s="2">
        <v>0</v>
      </c>
      <c r="M281" s="2">
        <v>0</v>
      </c>
      <c r="N281" s="2">
        <v>1</v>
      </c>
      <c r="O281" s="2">
        <v>0</v>
      </c>
      <c r="P281" s="2">
        <v>1</v>
      </c>
      <c r="Q281" s="2">
        <v>0</v>
      </c>
      <c r="R281" s="2">
        <v>0</v>
      </c>
    </row>
    <row r="282" spans="1:20" ht="20.100000000000001" customHeight="1">
      <c r="A282" s="1" t="s">
        <v>1017</v>
      </c>
      <c r="B282" s="2" t="s">
        <v>1018</v>
      </c>
      <c r="C282" s="1" t="s">
        <v>1019</v>
      </c>
      <c r="D282" s="3">
        <v>36.685969620000002</v>
      </c>
      <c r="E282" s="3">
        <v>137.19908599999999</v>
      </c>
      <c r="F282" s="1" t="s">
        <v>1264</v>
      </c>
      <c r="G282" s="1" t="s">
        <v>1265</v>
      </c>
      <c r="H282" s="1" t="s">
        <v>16</v>
      </c>
      <c r="I282" s="1" t="s">
        <v>24</v>
      </c>
      <c r="J282" s="1" t="s">
        <v>718</v>
      </c>
      <c r="K282" s="2">
        <v>0</v>
      </c>
      <c r="L282" s="2">
        <v>0</v>
      </c>
      <c r="M282" s="2">
        <v>0</v>
      </c>
      <c r="N282" s="2">
        <v>1</v>
      </c>
      <c r="O282" s="2">
        <v>0</v>
      </c>
      <c r="P282" s="2">
        <v>1</v>
      </c>
      <c r="Q282" s="2">
        <v>0</v>
      </c>
      <c r="R282" s="2">
        <v>0</v>
      </c>
    </row>
    <row r="283" spans="1:20" ht="20.100000000000001" customHeight="1">
      <c r="A283" s="1" t="s">
        <v>1020</v>
      </c>
      <c r="B283" s="2" t="s">
        <v>1021</v>
      </c>
      <c r="C283" s="1" t="s">
        <v>1022</v>
      </c>
      <c r="D283" s="3">
        <v>36.69893974</v>
      </c>
      <c r="E283" s="3">
        <v>137.2323543</v>
      </c>
      <c r="F283" s="1" t="s">
        <v>1264</v>
      </c>
      <c r="G283" s="1" t="s">
        <v>1265</v>
      </c>
      <c r="H283" s="1" t="s">
        <v>16</v>
      </c>
      <c r="I283" s="1" t="s">
        <v>24</v>
      </c>
      <c r="J283" s="1" t="s">
        <v>718</v>
      </c>
      <c r="K283" s="2">
        <v>0</v>
      </c>
      <c r="L283" s="2">
        <v>0</v>
      </c>
      <c r="M283" s="2">
        <v>0</v>
      </c>
      <c r="N283" s="2">
        <v>1</v>
      </c>
      <c r="O283" s="2">
        <v>0</v>
      </c>
      <c r="P283" s="2">
        <v>1</v>
      </c>
      <c r="Q283" s="2">
        <v>0</v>
      </c>
      <c r="R283" s="2">
        <v>0</v>
      </c>
    </row>
    <row r="284" spans="1:20" ht="20.100000000000001" customHeight="1">
      <c r="A284" s="1" t="s">
        <v>1023</v>
      </c>
      <c r="B284" s="2" t="s">
        <v>1024</v>
      </c>
      <c r="C284" s="1" t="s">
        <v>1025</v>
      </c>
      <c r="D284" s="3">
        <v>36.672124410000002</v>
      </c>
      <c r="E284" s="3">
        <v>137.19988799999999</v>
      </c>
      <c r="F284" s="1" t="s">
        <v>1264</v>
      </c>
      <c r="G284" s="1" t="s">
        <v>1265</v>
      </c>
      <c r="H284" s="1" t="s">
        <v>16</v>
      </c>
      <c r="I284" s="1" t="s">
        <v>24</v>
      </c>
      <c r="J284" s="1" t="s">
        <v>718</v>
      </c>
      <c r="K284" s="2">
        <v>0</v>
      </c>
      <c r="L284" s="2">
        <v>0</v>
      </c>
      <c r="M284" s="2">
        <v>0</v>
      </c>
      <c r="N284" s="2">
        <v>1</v>
      </c>
      <c r="O284" s="2">
        <v>0</v>
      </c>
      <c r="P284" s="2">
        <v>1</v>
      </c>
      <c r="Q284" s="2">
        <v>0</v>
      </c>
      <c r="R284" s="2">
        <v>0</v>
      </c>
    </row>
    <row r="285" spans="1:20" ht="20.100000000000001" customHeight="1">
      <c r="A285" s="1" t="s">
        <v>1026</v>
      </c>
      <c r="B285" s="2" t="s">
        <v>1027</v>
      </c>
      <c r="C285" s="1" t="s">
        <v>1028</v>
      </c>
      <c r="D285" s="3">
        <v>36.697196618938001</v>
      </c>
      <c r="E285" s="3">
        <v>137.28178386032999</v>
      </c>
      <c r="F285" s="1" t="s">
        <v>1272</v>
      </c>
      <c r="G285" s="1" t="s">
        <v>1265</v>
      </c>
      <c r="H285" s="1" t="s">
        <v>16</v>
      </c>
      <c r="I285" s="1" t="s">
        <v>24</v>
      </c>
      <c r="J285" s="1" t="s">
        <v>718</v>
      </c>
      <c r="K285" s="2">
        <v>0</v>
      </c>
      <c r="L285" s="2">
        <v>0</v>
      </c>
      <c r="M285" s="2">
        <v>0</v>
      </c>
      <c r="N285" s="2">
        <v>1</v>
      </c>
      <c r="O285" s="2">
        <v>0</v>
      </c>
      <c r="P285" s="2">
        <v>1</v>
      </c>
      <c r="Q285" s="2">
        <v>0</v>
      </c>
      <c r="R285" s="2">
        <v>0</v>
      </c>
    </row>
    <row r="286" spans="1:20" ht="20.100000000000001" customHeight="1">
      <c r="A286" s="1" t="s">
        <v>1029</v>
      </c>
      <c r="B286" s="2" t="s">
        <v>1030</v>
      </c>
      <c r="C286" s="1" t="s">
        <v>1031</v>
      </c>
      <c r="D286" s="3">
        <v>36.646582170000002</v>
      </c>
      <c r="E286" s="3">
        <v>137.18997519999999</v>
      </c>
      <c r="F286" s="1" t="s">
        <v>1032</v>
      </c>
      <c r="G286" s="1" t="s">
        <v>1265</v>
      </c>
      <c r="H286" s="1" t="s">
        <v>16</v>
      </c>
      <c r="I286" s="1" t="s">
        <v>24</v>
      </c>
      <c r="J286" s="1" t="s">
        <v>718</v>
      </c>
      <c r="K286" s="2">
        <v>0</v>
      </c>
      <c r="L286" s="2">
        <v>0</v>
      </c>
      <c r="M286" s="2">
        <v>0</v>
      </c>
      <c r="N286" s="2">
        <v>1</v>
      </c>
      <c r="O286" s="2">
        <v>0</v>
      </c>
      <c r="P286" s="2">
        <v>1</v>
      </c>
      <c r="Q286" s="2">
        <v>0</v>
      </c>
      <c r="R286" s="2">
        <v>0</v>
      </c>
    </row>
    <row r="287" spans="1:20" ht="20.100000000000001" customHeight="1">
      <c r="A287" s="1" t="s">
        <v>1033</v>
      </c>
      <c r="B287" s="2" t="s">
        <v>1034</v>
      </c>
      <c r="C287" s="1" t="s">
        <v>1035</v>
      </c>
      <c r="D287" s="3">
        <v>36.62788312</v>
      </c>
      <c r="E287" s="3">
        <v>137.19561859999999</v>
      </c>
      <c r="F287" s="1" t="s">
        <v>1036</v>
      </c>
      <c r="G287" s="1" t="s">
        <v>1265</v>
      </c>
      <c r="H287" s="1" t="s">
        <v>16</v>
      </c>
      <c r="I287" s="1" t="s">
        <v>24</v>
      </c>
      <c r="J287" s="1" t="s">
        <v>718</v>
      </c>
      <c r="K287" s="2">
        <v>0</v>
      </c>
      <c r="L287" s="2">
        <v>0</v>
      </c>
      <c r="M287" s="2">
        <v>0</v>
      </c>
      <c r="N287" s="2">
        <v>1</v>
      </c>
      <c r="O287" s="2">
        <v>0</v>
      </c>
      <c r="P287" s="2">
        <v>1</v>
      </c>
      <c r="Q287" s="2">
        <v>0</v>
      </c>
      <c r="R287" s="2">
        <v>0</v>
      </c>
    </row>
    <row r="288" spans="1:20" ht="20.100000000000001" customHeight="1">
      <c r="A288" s="1" t="s">
        <v>1037</v>
      </c>
      <c r="B288" s="2" t="s">
        <v>1038</v>
      </c>
      <c r="C288" s="1" t="s">
        <v>1039</v>
      </c>
      <c r="D288" s="3">
        <v>36.694330450000002</v>
      </c>
      <c r="E288" s="3">
        <v>137.24637079999999</v>
      </c>
      <c r="F288" s="1" t="s">
        <v>1264</v>
      </c>
      <c r="G288" s="1" t="s">
        <v>1265</v>
      </c>
      <c r="H288" s="1" t="s">
        <v>16</v>
      </c>
      <c r="I288" s="1" t="s">
        <v>24</v>
      </c>
      <c r="J288" s="1" t="s">
        <v>718</v>
      </c>
      <c r="K288" s="2">
        <v>0</v>
      </c>
      <c r="L288" s="2">
        <v>0</v>
      </c>
      <c r="M288" s="2">
        <v>0</v>
      </c>
      <c r="N288" s="2">
        <v>1</v>
      </c>
      <c r="O288" s="2">
        <v>0</v>
      </c>
      <c r="P288" s="2">
        <v>1</v>
      </c>
      <c r="Q288" s="2">
        <v>0</v>
      </c>
      <c r="R288" s="2">
        <v>0</v>
      </c>
    </row>
    <row r="289" spans="1:20" ht="20.100000000000001" customHeight="1">
      <c r="A289" s="1" t="s">
        <v>1040</v>
      </c>
      <c r="B289" s="2" t="s">
        <v>1041</v>
      </c>
      <c r="C289" s="1" t="s">
        <v>1042</v>
      </c>
      <c r="D289" s="3">
        <v>36.696927770000002</v>
      </c>
      <c r="E289" s="3">
        <v>137.18942659999999</v>
      </c>
      <c r="F289" s="1" t="s">
        <v>1273</v>
      </c>
      <c r="G289" s="1" t="s">
        <v>1265</v>
      </c>
      <c r="H289" s="1" t="s">
        <v>16</v>
      </c>
      <c r="I289" s="1" t="s">
        <v>24</v>
      </c>
      <c r="J289" s="1" t="s">
        <v>718</v>
      </c>
      <c r="K289" s="2">
        <v>0</v>
      </c>
      <c r="L289" s="2">
        <v>0</v>
      </c>
      <c r="M289" s="2">
        <v>0</v>
      </c>
      <c r="N289" s="2">
        <v>1</v>
      </c>
      <c r="O289" s="2">
        <v>0</v>
      </c>
      <c r="P289" s="2">
        <v>1</v>
      </c>
      <c r="Q289" s="2">
        <v>0</v>
      </c>
      <c r="R289" s="2">
        <v>0</v>
      </c>
    </row>
    <row r="290" spans="1:20" ht="20.100000000000001" customHeight="1">
      <c r="A290" s="1" t="s">
        <v>1043</v>
      </c>
      <c r="B290" s="2" t="s">
        <v>1044</v>
      </c>
      <c r="C290" s="1" t="s">
        <v>1045</v>
      </c>
      <c r="D290" s="3">
        <v>36.74289418</v>
      </c>
      <c r="E290" s="3">
        <v>137.2392835</v>
      </c>
      <c r="F290" s="1" t="s">
        <v>851</v>
      </c>
      <c r="G290" s="1" t="s">
        <v>1265</v>
      </c>
      <c r="H290" s="1" t="s">
        <v>16</v>
      </c>
      <c r="I290" s="1" t="s">
        <v>24</v>
      </c>
      <c r="J290" s="1" t="s">
        <v>718</v>
      </c>
      <c r="K290" s="2" t="s">
        <v>1182</v>
      </c>
      <c r="L290" s="2">
        <v>0</v>
      </c>
      <c r="M290" s="2">
        <v>0</v>
      </c>
      <c r="N290" s="2">
        <v>1</v>
      </c>
      <c r="O290" s="2">
        <v>0</v>
      </c>
      <c r="P290" s="2">
        <v>1</v>
      </c>
      <c r="Q290" s="2">
        <v>0</v>
      </c>
      <c r="R290" s="2">
        <v>0</v>
      </c>
    </row>
    <row r="291" spans="1:20" ht="20.100000000000001" customHeight="1">
      <c r="A291" s="1" t="s">
        <v>1046</v>
      </c>
      <c r="B291" s="2" t="s">
        <v>1047</v>
      </c>
      <c r="C291" s="1" t="s">
        <v>1048</v>
      </c>
      <c r="D291" s="3">
        <v>36.708534649999997</v>
      </c>
      <c r="E291" s="3">
        <v>137.21232610000001</v>
      </c>
      <c r="F291" s="1" t="s">
        <v>1274</v>
      </c>
      <c r="G291" s="1" t="s">
        <v>1265</v>
      </c>
      <c r="H291" s="1" t="s">
        <v>16</v>
      </c>
      <c r="I291" s="1" t="s">
        <v>24</v>
      </c>
      <c r="J291" s="1" t="s">
        <v>718</v>
      </c>
      <c r="K291" s="2">
        <v>0</v>
      </c>
      <c r="L291" s="2">
        <v>0</v>
      </c>
      <c r="M291" s="2">
        <v>0</v>
      </c>
      <c r="N291" s="2">
        <v>1</v>
      </c>
      <c r="O291" s="2">
        <v>0</v>
      </c>
      <c r="P291" s="2">
        <v>1</v>
      </c>
      <c r="Q291" s="2">
        <v>0</v>
      </c>
      <c r="R291" s="2">
        <v>0</v>
      </c>
    </row>
    <row r="292" spans="1:20" ht="20.100000000000001" customHeight="1">
      <c r="A292" s="1" t="s">
        <v>1049</v>
      </c>
      <c r="B292" s="2" t="s">
        <v>1050</v>
      </c>
      <c r="C292" s="1" t="s">
        <v>1051</v>
      </c>
      <c r="D292" s="3">
        <v>36.591691349999998</v>
      </c>
      <c r="E292" s="3">
        <v>137.2172516</v>
      </c>
      <c r="F292" s="1" t="s">
        <v>1052</v>
      </c>
      <c r="G292" s="1" t="s">
        <v>1265</v>
      </c>
      <c r="H292" s="1" t="s">
        <v>16</v>
      </c>
      <c r="I292" s="1" t="s">
        <v>24</v>
      </c>
      <c r="J292" s="1" t="s">
        <v>718</v>
      </c>
      <c r="K292" s="2" t="s">
        <v>1182</v>
      </c>
      <c r="L292" s="2">
        <v>0</v>
      </c>
      <c r="M292" s="2">
        <v>0</v>
      </c>
      <c r="N292" s="2">
        <v>1</v>
      </c>
      <c r="O292" s="2">
        <v>0</v>
      </c>
      <c r="P292" s="2">
        <v>1</v>
      </c>
      <c r="Q292" s="2">
        <v>0</v>
      </c>
      <c r="R292" s="2">
        <v>0</v>
      </c>
    </row>
    <row r="293" spans="1:20" ht="20.100000000000001" customHeight="1">
      <c r="A293" s="1" t="s">
        <v>1053</v>
      </c>
      <c r="B293" s="2" t="s">
        <v>1054</v>
      </c>
      <c r="C293" s="1" t="s">
        <v>1055</v>
      </c>
      <c r="D293" s="3">
        <v>36.610006810000002</v>
      </c>
      <c r="E293" s="3">
        <v>137.29071010000001</v>
      </c>
      <c r="F293" s="1" t="s">
        <v>470</v>
      </c>
      <c r="G293" s="1" t="s">
        <v>1265</v>
      </c>
      <c r="H293" s="1" t="s">
        <v>16</v>
      </c>
      <c r="I293" s="1" t="s">
        <v>24</v>
      </c>
      <c r="J293" s="1" t="s">
        <v>718</v>
      </c>
      <c r="K293" s="2">
        <v>0</v>
      </c>
      <c r="L293" s="2">
        <v>0</v>
      </c>
      <c r="M293" s="2">
        <v>0</v>
      </c>
      <c r="N293" s="2">
        <v>1</v>
      </c>
      <c r="O293" s="2">
        <v>0</v>
      </c>
      <c r="P293" s="2">
        <v>1</v>
      </c>
      <c r="Q293" s="2">
        <v>0</v>
      </c>
      <c r="R293" s="2">
        <v>0</v>
      </c>
    </row>
    <row r="294" spans="1:20" ht="20.100000000000001" customHeight="1">
      <c r="A294" s="1" t="s">
        <v>1056</v>
      </c>
      <c r="B294" s="2" t="s">
        <v>1057</v>
      </c>
      <c r="C294" s="1" t="s">
        <v>1078</v>
      </c>
      <c r="D294" s="3">
        <v>36.58127562</v>
      </c>
      <c r="E294" s="3">
        <v>137.13616110000001</v>
      </c>
      <c r="F294" s="1" t="s">
        <v>1058</v>
      </c>
      <c r="G294" s="1" t="s">
        <v>1265</v>
      </c>
      <c r="H294" s="1" t="s">
        <v>16</v>
      </c>
      <c r="I294" s="1" t="s">
        <v>24</v>
      </c>
      <c r="J294" s="1" t="s">
        <v>718</v>
      </c>
      <c r="K294" s="2">
        <v>0</v>
      </c>
      <c r="L294" s="2">
        <v>0</v>
      </c>
      <c r="M294" s="2">
        <v>0</v>
      </c>
      <c r="N294" s="2">
        <v>1</v>
      </c>
      <c r="O294" s="2">
        <v>0</v>
      </c>
      <c r="P294" s="2">
        <v>1</v>
      </c>
      <c r="Q294" s="2">
        <v>0</v>
      </c>
      <c r="R294" s="2">
        <v>0</v>
      </c>
    </row>
    <row r="295" spans="1:20" ht="20.100000000000001" customHeight="1">
      <c r="A295" s="2" t="s">
        <v>1059</v>
      </c>
      <c r="B295" s="2" t="s">
        <v>1060</v>
      </c>
      <c r="C295" s="2" t="s">
        <v>543</v>
      </c>
      <c r="D295" s="4">
        <v>36.601442749999997</v>
      </c>
      <c r="E295" s="4">
        <v>137.14493300000001</v>
      </c>
      <c r="F295" s="2" t="s">
        <v>544</v>
      </c>
      <c r="G295" s="2" t="s">
        <v>1265</v>
      </c>
      <c r="H295" s="2" t="s">
        <v>16</v>
      </c>
      <c r="I295" s="2" t="s">
        <v>24</v>
      </c>
      <c r="J295" s="2" t="s">
        <v>718</v>
      </c>
      <c r="K295" s="2">
        <v>0</v>
      </c>
      <c r="L295" s="2">
        <v>0</v>
      </c>
      <c r="M295" s="2">
        <v>0</v>
      </c>
      <c r="N295" s="2">
        <v>1</v>
      </c>
      <c r="O295" s="2">
        <v>0</v>
      </c>
      <c r="P295" s="2">
        <v>1</v>
      </c>
      <c r="Q295" s="2">
        <v>0</v>
      </c>
      <c r="R295" s="2">
        <v>0</v>
      </c>
    </row>
    <row r="296" spans="1:20" ht="20.100000000000001" customHeight="1">
      <c r="A296" s="2" t="s">
        <v>1061</v>
      </c>
      <c r="B296" s="2" t="s">
        <v>1062</v>
      </c>
      <c r="C296" s="2" t="s">
        <v>1063</v>
      </c>
      <c r="D296" s="4">
        <v>36.655127399999998</v>
      </c>
      <c r="E296" s="4">
        <v>137.1663537</v>
      </c>
      <c r="F296" s="2" t="s">
        <v>1064</v>
      </c>
      <c r="G296" s="2" t="s">
        <v>1265</v>
      </c>
      <c r="H296" s="2" t="s">
        <v>16</v>
      </c>
      <c r="I296" s="2" t="s">
        <v>24</v>
      </c>
      <c r="J296" s="2" t="s">
        <v>718</v>
      </c>
      <c r="K296" s="2">
        <v>0</v>
      </c>
      <c r="L296" s="2">
        <v>0</v>
      </c>
      <c r="M296" s="2">
        <v>0</v>
      </c>
      <c r="N296" s="2">
        <v>1</v>
      </c>
      <c r="O296" s="2">
        <v>0</v>
      </c>
      <c r="P296" s="2">
        <v>1</v>
      </c>
      <c r="Q296" s="2">
        <v>0</v>
      </c>
      <c r="R296" s="2">
        <v>0</v>
      </c>
    </row>
    <row r="297" spans="1:20" ht="20.100000000000001" customHeight="1">
      <c r="A297" s="2" t="s">
        <v>1065</v>
      </c>
      <c r="B297" s="2" t="s">
        <v>1066</v>
      </c>
      <c r="C297" s="2" t="s">
        <v>1067</v>
      </c>
      <c r="D297" s="4">
        <v>36.660428289999999</v>
      </c>
      <c r="E297" s="4">
        <v>137.14361719999999</v>
      </c>
      <c r="F297" s="2" t="s">
        <v>1068</v>
      </c>
      <c r="G297" s="2" t="s">
        <v>1265</v>
      </c>
      <c r="H297" s="2" t="s">
        <v>16</v>
      </c>
      <c r="I297" s="2" t="s">
        <v>24</v>
      </c>
      <c r="J297" s="2" t="s">
        <v>718</v>
      </c>
      <c r="K297" s="2">
        <v>0</v>
      </c>
      <c r="L297" s="2">
        <v>0</v>
      </c>
      <c r="M297" s="2">
        <v>0</v>
      </c>
      <c r="N297" s="2">
        <v>1</v>
      </c>
      <c r="O297" s="2">
        <v>0</v>
      </c>
      <c r="P297" s="2">
        <v>1</v>
      </c>
      <c r="Q297" s="2">
        <v>0</v>
      </c>
      <c r="R297" s="2">
        <v>0</v>
      </c>
    </row>
    <row r="298" spans="1:20" ht="20.100000000000001" customHeight="1">
      <c r="A298" s="2" t="s">
        <v>1069</v>
      </c>
      <c r="B298" s="2" t="s">
        <v>1076</v>
      </c>
      <c r="C298" s="2" t="s">
        <v>1077</v>
      </c>
      <c r="D298" s="4">
        <v>36.716974069999999</v>
      </c>
      <c r="E298" s="4">
        <v>137.16476230000001</v>
      </c>
      <c r="F298" s="2" t="s">
        <v>381</v>
      </c>
      <c r="G298" s="2" t="s">
        <v>1265</v>
      </c>
      <c r="H298" s="2" t="s">
        <v>16</v>
      </c>
      <c r="I298" s="2" t="s">
        <v>24</v>
      </c>
      <c r="J298" s="2" t="s">
        <v>718</v>
      </c>
      <c r="K298" s="2">
        <v>0</v>
      </c>
      <c r="L298" s="2">
        <v>0</v>
      </c>
      <c r="M298" s="2">
        <v>0</v>
      </c>
      <c r="N298" s="2">
        <v>1</v>
      </c>
      <c r="O298" s="2">
        <v>0</v>
      </c>
      <c r="P298" s="2">
        <v>1</v>
      </c>
      <c r="Q298" s="2">
        <v>0</v>
      </c>
      <c r="R298" s="2">
        <v>0</v>
      </c>
    </row>
    <row r="299" spans="1:20" ht="20.100000000000001" customHeight="1">
      <c r="A299" s="2">
        <v>1620102138</v>
      </c>
      <c r="B299" s="2" t="s">
        <v>1114</v>
      </c>
      <c r="C299" s="2" t="s">
        <v>1115</v>
      </c>
      <c r="D299" s="4">
        <v>36.700422610309502</v>
      </c>
      <c r="E299" s="4">
        <v>137.21399762006399</v>
      </c>
      <c r="F299" s="2" t="s">
        <v>1072</v>
      </c>
      <c r="G299" s="2" t="s">
        <v>17</v>
      </c>
      <c r="H299" s="2" t="s">
        <v>16</v>
      </c>
      <c r="I299" s="2" t="s">
        <v>24</v>
      </c>
      <c r="J299" s="2" t="s">
        <v>718</v>
      </c>
      <c r="K299" s="2">
        <v>1</v>
      </c>
      <c r="L299" s="2">
        <v>0</v>
      </c>
      <c r="M299" s="2">
        <v>0</v>
      </c>
      <c r="N299" s="2">
        <v>0</v>
      </c>
      <c r="O299" s="2">
        <v>0</v>
      </c>
      <c r="P299" s="2">
        <v>0</v>
      </c>
      <c r="Q299" s="2">
        <v>0</v>
      </c>
      <c r="R299" s="2">
        <v>0</v>
      </c>
      <c r="T299" s="2" t="s">
        <v>1297</v>
      </c>
    </row>
    <row r="300" spans="1:20" ht="20.100000000000001" customHeight="1">
      <c r="A300" s="2">
        <v>1620102139</v>
      </c>
      <c r="B300" s="2" t="s">
        <v>1310</v>
      </c>
      <c r="C300" s="2" t="s">
        <v>1116</v>
      </c>
      <c r="D300" s="4">
        <v>36.695985516179</v>
      </c>
      <c r="E300" s="4">
        <v>137.19472807728999</v>
      </c>
      <c r="F300" s="2" t="s">
        <v>1311</v>
      </c>
      <c r="G300" s="2" t="s">
        <v>17</v>
      </c>
      <c r="H300" s="2" t="s">
        <v>16</v>
      </c>
      <c r="I300" s="2" t="s">
        <v>24</v>
      </c>
      <c r="J300" s="2" t="s">
        <v>718</v>
      </c>
      <c r="K300" s="2">
        <v>1</v>
      </c>
      <c r="L300" s="2">
        <v>0</v>
      </c>
      <c r="M300" s="2">
        <v>0</v>
      </c>
      <c r="N300" s="2">
        <v>0</v>
      </c>
      <c r="O300" s="2">
        <v>0</v>
      </c>
      <c r="P300" s="2">
        <v>0</v>
      </c>
      <c r="Q300" s="2">
        <v>0</v>
      </c>
      <c r="R300" s="2">
        <v>0</v>
      </c>
      <c r="T300" s="2" t="s">
        <v>1160</v>
      </c>
    </row>
    <row r="301" spans="1:20" ht="20.100000000000001" customHeight="1">
      <c r="A301" s="2">
        <v>1620102140</v>
      </c>
      <c r="B301" s="2" t="s">
        <v>1117</v>
      </c>
      <c r="C301" s="2" t="s">
        <v>1118</v>
      </c>
      <c r="D301" s="4">
        <v>36.684839997178003</v>
      </c>
      <c r="E301" s="4">
        <v>137.18533234297999</v>
      </c>
      <c r="F301" s="2" t="s">
        <v>1073</v>
      </c>
      <c r="G301" s="2" t="s">
        <v>17</v>
      </c>
      <c r="H301" s="2" t="s">
        <v>16</v>
      </c>
      <c r="I301" s="2" t="s">
        <v>24</v>
      </c>
      <c r="J301" s="2" t="s">
        <v>718</v>
      </c>
      <c r="K301" s="2">
        <v>1</v>
      </c>
      <c r="L301" s="2">
        <v>0</v>
      </c>
      <c r="M301" s="2">
        <v>0</v>
      </c>
      <c r="N301" s="2">
        <v>0</v>
      </c>
      <c r="O301" s="2">
        <v>0</v>
      </c>
      <c r="P301" s="2">
        <v>0</v>
      </c>
      <c r="Q301" s="2">
        <v>0</v>
      </c>
      <c r="R301" s="2">
        <v>0</v>
      </c>
      <c r="T301" s="2" t="s">
        <v>1184</v>
      </c>
    </row>
    <row r="302" spans="1:20" ht="20.100000000000001" customHeight="1">
      <c r="A302" s="2">
        <v>1620102141</v>
      </c>
      <c r="B302" s="2" t="s">
        <v>1213</v>
      </c>
      <c r="C302" s="2" t="s">
        <v>1243</v>
      </c>
      <c r="D302" s="4">
        <v>36.689816666666665</v>
      </c>
      <c r="E302" s="4">
        <v>137.21519444444442</v>
      </c>
      <c r="F302" s="2" t="s">
        <v>1275</v>
      </c>
      <c r="G302" s="2" t="s">
        <v>1265</v>
      </c>
      <c r="H302" s="2" t="s">
        <v>16</v>
      </c>
      <c r="I302" s="2" t="s">
        <v>24</v>
      </c>
      <c r="J302" s="2" t="s">
        <v>718</v>
      </c>
      <c r="K302" s="2">
        <v>1</v>
      </c>
      <c r="L302" s="2">
        <v>0</v>
      </c>
      <c r="M302" s="2">
        <v>0</v>
      </c>
      <c r="N302" s="2">
        <v>0</v>
      </c>
      <c r="O302" s="2">
        <v>0</v>
      </c>
      <c r="P302" s="2">
        <v>0</v>
      </c>
      <c r="Q302" s="2">
        <v>0</v>
      </c>
      <c r="R302" s="2">
        <v>0</v>
      </c>
      <c r="T302" s="2" t="s">
        <v>1298</v>
      </c>
    </row>
    <row r="303" spans="1:20" ht="20.100000000000001" customHeight="1">
      <c r="A303" s="2">
        <v>1620102142</v>
      </c>
      <c r="B303" s="2" t="s">
        <v>1214</v>
      </c>
      <c r="C303" s="2" t="s">
        <v>1244</v>
      </c>
      <c r="D303" s="4">
        <v>36.729613888888892</v>
      </c>
      <c r="E303" s="4">
        <v>137.15171111111113</v>
      </c>
      <c r="F303" s="2" t="s">
        <v>1276</v>
      </c>
      <c r="G303" s="2" t="s">
        <v>1265</v>
      </c>
      <c r="H303" s="2" t="s">
        <v>16</v>
      </c>
      <c r="I303" s="2" t="s">
        <v>24</v>
      </c>
      <c r="J303" s="2" t="s">
        <v>718</v>
      </c>
      <c r="K303" s="2">
        <v>1</v>
      </c>
      <c r="L303" s="2">
        <v>0</v>
      </c>
      <c r="M303" s="2">
        <v>0</v>
      </c>
      <c r="N303" s="2">
        <v>0</v>
      </c>
      <c r="O303" s="2">
        <v>0</v>
      </c>
      <c r="P303" s="2">
        <v>0</v>
      </c>
      <c r="Q303" s="2">
        <v>0</v>
      </c>
      <c r="R303" s="2">
        <v>0</v>
      </c>
      <c r="T303" s="2" t="s">
        <v>1159</v>
      </c>
    </row>
    <row r="304" spans="1:20" ht="20.100000000000001" customHeight="1">
      <c r="A304" s="2">
        <v>1620102143</v>
      </c>
      <c r="B304" s="2" t="s">
        <v>1215</v>
      </c>
      <c r="C304" s="2" t="s">
        <v>1245</v>
      </c>
      <c r="D304" s="4">
        <v>36.691130555555553</v>
      </c>
      <c r="E304" s="4">
        <v>137.18825555555557</v>
      </c>
      <c r="F304" s="2" t="s">
        <v>1277</v>
      </c>
      <c r="G304" s="2" t="s">
        <v>1265</v>
      </c>
      <c r="H304" s="2" t="s">
        <v>16</v>
      </c>
      <c r="I304" s="2" t="s">
        <v>24</v>
      </c>
      <c r="J304" s="2" t="s">
        <v>718</v>
      </c>
      <c r="K304" s="2">
        <v>1</v>
      </c>
      <c r="L304" s="2">
        <v>0</v>
      </c>
      <c r="M304" s="2">
        <v>0</v>
      </c>
      <c r="N304" s="2">
        <v>0</v>
      </c>
      <c r="O304" s="2">
        <v>0</v>
      </c>
      <c r="P304" s="2">
        <v>0</v>
      </c>
      <c r="Q304" s="2">
        <v>0</v>
      </c>
      <c r="R304" s="2">
        <v>0</v>
      </c>
      <c r="T304" s="2" t="s">
        <v>1159</v>
      </c>
    </row>
    <row r="305" spans="1:20" ht="20.100000000000001" customHeight="1">
      <c r="A305" s="2">
        <v>1620102144</v>
      </c>
      <c r="B305" s="2" t="s">
        <v>1216</v>
      </c>
      <c r="C305" s="2" t="s">
        <v>1246</v>
      </c>
      <c r="D305" s="4">
        <v>36.662855555555552</v>
      </c>
      <c r="E305" s="4">
        <v>137.17132777777778</v>
      </c>
      <c r="F305" s="2" t="s">
        <v>1278</v>
      </c>
      <c r="G305" s="2" t="s">
        <v>1265</v>
      </c>
      <c r="H305" s="2" t="s">
        <v>16</v>
      </c>
      <c r="I305" s="2" t="s">
        <v>24</v>
      </c>
      <c r="J305" s="2" t="s">
        <v>718</v>
      </c>
      <c r="K305" s="2">
        <v>1</v>
      </c>
      <c r="L305" s="2">
        <v>0</v>
      </c>
      <c r="M305" s="2">
        <v>0</v>
      </c>
      <c r="N305" s="2">
        <v>0</v>
      </c>
      <c r="O305" s="2">
        <v>0</v>
      </c>
      <c r="P305" s="2">
        <v>0</v>
      </c>
      <c r="Q305" s="2">
        <v>0</v>
      </c>
      <c r="R305" s="2">
        <v>0</v>
      </c>
      <c r="T305" s="2" t="s">
        <v>1160</v>
      </c>
    </row>
    <row r="306" spans="1:20" ht="20.100000000000001" customHeight="1">
      <c r="A306" s="2">
        <v>1620102145</v>
      </c>
      <c r="B306" s="2" t="s">
        <v>1217</v>
      </c>
      <c r="C306" s="2" t="s">
        <v>1247</v>
      </c>
      <c r="D306" s="4">
        <v>36.659272222222221</v>
      </c>
      <c r="E306" s="4">
        <v>137.14148888888889</v>
      </c>
      <c r="F306" s="2" t="s">
        <v>1279</v>
      </c>
      <c r="G306" s="2" t="s">
        <v>1265</v>
      </c>
      <c r="H306" s="2" t="s">
        <v>16</v>
      </c>
      <c r="I306" s="2" t="s">
        <v>24</v>
      </c>
      <c r="J306" s="2" t="s">
        <v>718</v>
      </c>
      <c r="K306" s="2">
        <v>1</v>
      </c>
      <c r="L306" s="2">
        <v>0</v>
      </c>
      <c r="M306" s="2">
        <v>0</v>
      </c>
      <c r="N306" s="2">
        <v>0</v>
      </c>
      <c r="O306" s="2">
        <v>0</v>
      </c>
      <c r="P306" s="2">
        <v>0</v>
      </c>
      <c r="Q306" s="2">
        <v>0</v>
      </c>
      <c r="R306" s="2">
        <v>0</v>
      </c>
      <c r="T306" s="2" t="s">
        <v>1159</v>
      </c>
    </row>
    <row r="307" spans="1:20" ht="20.100000000000001" customHeight="1">
      <c r="A307" s="2">
        <v>1620102146</v>
      </c>
      <c r="B307" s="2" t="s">
        <v>1218</v>
      </c>
      <c r="C307" s="2" t="s">
        <v>1248</v>
      </c>
      <c r="D307" s="4">
        <v>36.707636111111114</v>
      </c>
      <c r="E307" s="4">
        <v>137.21473055555555</v>
      </c>
      <c r="F307" s="2" t="s">
        <v>1280</v>
      </c>
      <c r="G307" s="2" t="s">
        <v>1265</v>
      </c>
      <c r="H307" s="2" t="s">
        <v>16</v>
      </c>
      <c r="I307" s="2" t="s">
        <v>24</v>
      </c>
      <c r="J307" s="2" t="s">
        <v>718</v>
      </c>
      <c r="K307" s="2">
        <v>1</v>
      </c>
      <c r="L307" s="2">
        <v>0</v>
      </c>
      <c r="M307" s="2">
        <v>0</v>
      </c>
      <c r="N307" s="2">
        <v>0</v>
      </c>
      <c r="O307" s="2">
        <v>0</v>
      </c>
      <c r="P307" s="2">
        <v>0</v>
      </c>
      <c r="Q307" s="2">
        <v>0</v>
      </c>
      <c r="R307" s="2">
        <v>0</v>
      </c>
      <c r="T307" s="2" t="s">
        <v>1159</v>
      </c>
    </row>
    <row r="308" spans="1:20" ht="20.100000000000001" customHeight="1">
      <c r="A308" s="2">
        <v>1620102147</v>
      </c>
      <c r="B308" s="2" t="s">
        <v>1312</v>
      </c>
      <c r="C308" s="2" t="s">
        <v>1249</v>
      </c>
      <c r="D308" s="4">
        <v>36.729211111111113</v>
      </c>
      <c r="E308" s="4">
        <v>137.23657777777777</v>
      </c>
      <c r="F308" s="2" t="s">
        <v>1281</v>
      </c>
      <c r="G308" s="2" t="s">
        <v>1265</v>
      </c>
      <c r="H308" s="2" t="s">
        <v>16</v>
      </c>
      <c r="I308" s="2" t="s">
        <v>24</v>
      </c>
      <c r="J308" s="2" t="s">
        <v>718</v>
      </c>
      <c r="K308" s="2">
        <v>1</v>
      </c>
      <c r="L308" s="2">
        <v>0</v>
      </c>
      <c r="M308" s="2">
        <v>0</v>
      </c>
      <c r="N308" s="2">
        <v>0</v>
      </c>
      <c r="O308" s="2">
        <v>0</v>
      </c>
      <c r="P308" s="2">
        <v>0</v>
      </c>
      <c r="Q308" s="2">
        <v>0</v>
      </c>
      <c r="R308" s="2">
        <v>0</v>
      </c>
    </row>
    <row r="309" spans="1:20" ht="20.100000000000001" customHeight="1">
      <c r="A309" s="2">
        <v>1620102148</v>
      </c>
      <c r="B309" s="2" t="s">
        <v>1219</v>
      </c>
      <c r="C309" s="2" t="s">
        <v>1250</v>
      </c>
      <c r="D309" s="4">
        <v>36.696891666666666</v>
      </c>
      <c r="E309" s="4">
        <v>137.21394166666664</v>
      </c>
      <c r="F309" s="2" t="s">
        <v>1282</v>
      </c>
      <c r="G309" s="2" t="s">
        <v>1265</v>
      </c>
      <c r="H309" s="2" t="s">
        <v>16</v>
      </c>
      <c r="I309" s="2" t="s">
        <v>24</v>
      </c>
      <c r="J309" s="2" t="s">
        <v>718</v>
      </c>
      <c r="K309" s="2">
        <v>1</v>
      </c>
      <c r="L309" s="2">
        <v>0</v>
      </c>
      <c r="M309" s="2">
        <v>0</v>
      </c>
      <c r="N309" s="2">
        <v>0</v>
      </c>
      <c r="O309" s="2">
        <v>0</v>
      </c>
      <c r="P309" s="2">
        <v>0</v>
      </c>
      <c r="Q309" s="2">
        <v>0</v>
      </c>
      <c r="R309" s="2">
        <v>0</v>
      </c>
      <c r="T309" s="2" t="s">
        <v>1160</v>
      </c>
    </row>
    <row r="310" spans="1:20" ht="20.100000000000001" customHeight="1">
      <c r="A310" s="2">
        <v>1620102149</v>
      </c>
      <c r="B310" s="2" t="s">
        <v>1220</v>
      </c>
      <c r="C310" s="2" t="s">
        <v>1251</v>
      </c>
      <c r="D310" s="4">
        <v>36.68386944444444</v>
      </c>
      <c r="E310" s="4">
        <v>137.21289722222221</v>
      </c>
      <c r="F310" s="2" t="s">
        <v>1283</v>
      </c>
      <c r="G310" s="2" t="s">
        <v>1265</v>
      </c>
      <c r="H310" s="2" t="s">
        <v>16</v>
      </c>
      <c r="I310" s="2" t="s">
        <v>24</v>
      </c>
      <c r="J310" s="2" t="s">
        <v>718</v>
      </c>
      <c r="K310" s="2">
        <v>1</v>
      </c>
      <c r="L310" s="2">
        <v>0</v>
      </c>
      <c r="M310" s="2">
        <v>0</v>
      </c>
      <c r="N310" s="2">
        <v>0</v>
      </c>
      <c r="O310" s="2">
        <v>0</v>
      </c>
      <c r="P310" s="2">
        <v>0</v>
      </c>
      <c r="Q310" s="2">
        <v>0</v>
      </c>
      <c r="R310" s="2">
        <v>0</v>
      </c>
      <c r="T310" s="2" t="s">
        <v>1159</v>
      </c>
    </row>
    <row r="311" spans="1:20" ht="20.100000000000001" customHeight="1">
      <c r="A311" s="2">
        <v>1620102150</v>
      </c>
      <c r="B311" s="2" t="s">
        <v>1221</v>
      </c>
      <c r="C311" s="2" t="s">
        <v>1252</v>
      </c>
      <c r="D311" s="4">
        <v>36.68386944444444</v>
      </c>
      <c r="E311" s="4">
        <v>137.21289722222221</v>
      </c>
      <c r="F311" s="2" t="s">
        <v>1284</v>
      </c>
      <c r="G311" s="2" t="s">
        <v>1265</v>
      </c>
      <c r="H311" s="2" t="s">
        <v>16</v>
      </c>
      <c r="I311" s="2" t="s">
        <v>24</v>
      </c>
      <c r="J311" s="2" t="s">
        <v>718</v>
      </c>
      <c r="K311" s="2">
        <v>1</v>
      </c>
      <c r="L311" s="2">
        <v>0</v>
      </c>
      <c r="M311" s="2">
        <v>0</v>
      </c>
      <c r="N311" s="2">
        <v>0</v>
      </c>
      <c r="O311" s="2">
        <v>0</v>
      </c>
      <c r="P311" s="2">
        <v>0</v>
      </c>
      <c r="Q311" s="2">
        <v>0</v>
      </c>
      <c r="R311" s="2">
        <v>0</v>
      </c>
      <c r="T311" s="2" t="s">
        <v>1159</v>
      </c>
    </row>
    <row r="312" spans="1:20" ht="20.100000000000001" customHeight="1">
      <c r="A312" s="2">
        <v>1620102151</v>
      </c>
      <c r="B312" s="2" t="s">
        <v>1222</v>
      </c>
      <c r="C312" s="2" t="s">
        <v>1253</v>
      </c>
      <c r="D312" s="4">
        <v>36.693544444444441</v>
      </c>
      <c r="E312" s="4">
        <v>137.23850277777777</v>
      </c>
      <c r="F312" s="2" t="s">
        <v>1285</v>
      </c>
      <c r="G312" s="2" t="s">
        <v>1265</v>
      </c>
      <c r="H312" s="2" t="s">
        <v>16</v>
      </c>
      <c r="I312" s="2" t="s">
        <v>24</v>
      </c>
      <c r="J312" s="2" t="s">
        <v>718</v>
      </c>
      <c r="K312" s="2">
        <v>1</v>
      </c>
      <c r="L312" s="2">
        <v>0</v>
      </c>
      <c r="M312" s="2">
        <v>0</v>
      </c>
      <c r="N312" s="2">
        <v>0</v>
      </c>
      <c r="O312" s="2">
        <v>0</v>
      </c>
      <c r="P312" s="2">
        <v>0</v>
      </c>
      <c r="Q312" s="2">
        <v>0</v>
      </c>
      <c r="R312" s="2">
        <v>0</v>
      </c>
      <c r="T312" s="2" t="s">
        <v>1159</v>
      </c>
    </row>
    <row r="313" spans="1:20" ht="20.100000000000001" customHeight="1">
      <c r="A313" s="2">
        <v>1620102152</v>
      </c>
      <c r="B313" s="2" t="s">
        <v>1223</v>
      </c>
      <c r="C313" s="2" t="s">
        <v>1254</v>
      </c>
      <c r="D313" s="4">
        <v>36.69425833333333</v>
      </c>
      <c r="E313" s="4">
        <v>137.24784722222222</v>
      </c>
      <c r="F313" s="2" t="s">
        <v>1286</v>
      </c>
      <c r="G313" s="2" t="s">
        <v>1265</v>
      </c>
      <c r="H313" s="2" t="s">
        <v>16</v>
      </c>
      <c r="I313" s="2" t="s">
        <v>24</v>
      </c>
      <c r="J313" s="2" t="s">
        <v>718</v>
      </c>
      <c r="K313" s="2">
        <v>1</v>
      </c>
      <c r="L313" s="2">
        <v>0</v>
      </c>
      <c r="M313" s="2">
        <v>0</v>
      </c>
      <c r="N313" s="2">
        <v>0</v>
      </c>
      <c r="O313" s="2">
        <v>0</v>
      </c>
      <c r="P313" s="2">
        <v>0</v>
      </c>
      <c r="Q313" s="2">
        <v>0</v>
      </c>
      <c r="R313" s="2">
        <v>0</v>
      </c>
      <c r="T313" s="2" t="s">
        <v>1159</v>
      </c>
    </row>
    <row r="314" spans="1:20" ht="20.100000000000001" customHeight="1">
      <c r="A314" s="2">
        <v>1620102153</v>
      </c>
      <c r="B314" s="2" t="s">
        <v>1224</v>
      </c>
      <c r="C314" s="2" t="s">
        <v>1255</v>
      </c>
      <c r="D314" s="4">
        <v>36.669424999999997</v>
      </c>
      <c r="E314" s="4">
        <v>137.21674999999999</v>
      </c>
      <c r="F314" s="2" t="s">
        <v>1287</v>
      </c>
      <c r="G314" s="2" t="s">
        <v>1265</v>
      </c>
      <c r="H314" s="2" t="s">
        <v>16</v>
      </c>
      <c r="I314" s="2" t="s">
        <v>24</v>
      </c>
      <c r="J314" s="2" t="s">
        <v>718</v>
      </c>
      <c r="K314" s="2">
        <v>1</v>
      </c>
      <c r="L314" s="2">
        <v>0</v>
      </c>
      <c r="M314" s="2">
        <v>0</v>
      </c>
      <c r="N314" s="2">
        <v>0</v>
      </c>
      <c r="O314" s="2">
        <v>0</v>
      </c>
      <c r="P314" s="2">
        <v>0</v>
      </c>
      <c r="Q314" s="2">
        <v>0</v>
      </c>
      <c r="R314" s="2">
        <v>0</v>
      </c>
      <c r="T314" s="2" t="s">
        <v>1159</v>
      </c>
    </row>
    <row r="315" spans="1:20" ht="20.100000000000001" customHeight="1">
      <c r="A315" s="2">
        <v>1620102154</v>
      </c>
      <c r="B315" s="2" t="s">
        <v>1225</v>
      </c>
      <c r="C315" s="2" t="s">
        <v>1256</v>
      </c>
      <c r="D315" s="4">
        <v>36.671297222222222</v>
      </c>
      <c r="E315" s="4">
        <v>137.21177222222221</v>
      </c>
      <c r="F315" s="2" t="s">
        <v>1288</v>
      </c>
      <c r="G315" s="2" t="s">
        <v>1265</v>
      </c>
      <c r="H315" s="2" t="s">
        <v>16</v>
      </c>
      <c r="I315" s="2" t="s">
        <v>24</v>
      </c>
      <c r="J315" s="2" t="s">
        <v>718</v>
      </c>
      <c r="K315" s="2">
        <v>1</v>
      </c>
      <c r="L315" s="2">
        <v>0</v>
      </c>
      <c r="M315" s="2">
        <v>0</v>
      </c>
      <c r="N315" s="2">
        <v>0</v>
      </c>
      <c r="O315" s="2">
        <v>0</v>
      </c>
      <c r="P315" s="2">
        <v>0</v>
      </c>
      <c r="Q315" s="2">
        <v>0</v>
      </c>
      <c r="R315" s="2">
        <v>0</v>
      </c>
      <c r="T315" s="2" t="s">
        <v>1159</v>
      </c>
    </row>
    <row r="316" spans="1:20" ht="20.100000000000001" customHeight="1">
      <c r="A316" s="2">
        <v>1620102155</v>
      </c>
      <c r="B316" s="2" t="s">
        <v>1226</v>
      </c>
      <c r="C316" s="2" t="s">
        <v>1257</v>
      </c>
      <c r="D316" s="4">
        <v>36.626877777777779</v>
      </c>
      <c r="E316" s="4">
        <v>137.23743333333331</v>
      </c>
      <c r="F316" s="2" t="s">
        <v>1289</v>
      </c>
      <c r="G316" s="2" t="s">
        <v>1265</v>
      </c>
      <c r="H316" s="2" t="s">
        <v>16</v>
      </c>
      <c r="I316" s="2" t="s">
        <v>24</v>
      </c>
      <c r="J316" s="2" t="s">
        <v>718</v>
      </c>
      <c r="K316" s="2">
        <v>1</v>
      </c>
      <c r="L316" s="2">
        <v>0</v>
      </c>
      <c r="M316" s="2">
        <v>0</v>
      </c>
      <c r="N316" s="2">
        <v>0</v>
      </c>
      <c r="O316" s="2">
        <v>0</v>
      </c>
      <c r="P316" s="2">
        <v>0</v>
      </c>
      <c r="Q316" s="2">
        <v>0</v>
      </c>
      <c r="R316" s="2">
        <v>0</v>
      </c>
      <c r="T316" s="2" t="s">
        <v>1159</v>
      </c>
    </row>
    <row r="317" spans="1:20" ht="20.100000000000001" customHeight="1">
      <c r="A317" s="2">
        <v>1620102156</v>
      </c>
      <c r="B317" s="2" t="s">
        <v>1227</v>
      </c>
      <c r="C317" s="2" t="s">
        <v>1258</v>
      </c>
      <c r="D317" s="4">
        <v>36.626291666666667</v>
      </c>
      <c r="E317" s="4">
        <v>137.23768611111109</v>
      </c>
      <c r="F317" s="2" t="s">
        <v>1290</v>
      </c>
      <c r="G317" s="2" t="s">
        <v>1265</v>
      </c>
      <c r="H317" s="2" t="s">
        <v>16</v>
      </c>
      <c r="I317" s="2" t="s">
        <v>24</v>
      </c>
      <c r="J317" s="2" t="s">
        <v>718</v>
      </c>
      <c r="K317" s="2">
        <v>1</v>
      </c>
      <c r="L317" s="2">
        <v>0</v>
      </c>
      <c r="M317" s="2">
        <v>0</v>
      </c>
      <c r="N317" s="2">
        <v>0</v>
      </c>
      <c r="O317" s="2">
        <v>0</v>
      </c>
      <c r="P317" s="2">
        <v>0</v>
      </c>
      <c r="Q317" s="2">
        <v>0</v>
      </c>
      <c r="R317" s="2">
        <v>0</v>
      </c>
    </row>
    <row r="318" spans="1:20" ht="20.100000000000001" customHeight="1">
      <c r="A318" s="2">
        <v>1620102157</v>
      </c>
      <c r="B318" s="2" t="s">
        <v>1228</v>
      </c>
      <c r="C318" s="2" t="s">
        <v>1259</v>
      </c>
      <c r="D318" s="4">
        <v>36.645383333333335</v>
      </c>
      <c r="E318" s="4">
        <v>137.20559444444444</v>
      </c>
      <c r="F318" s="2"/>
      <c r="G318" s="2" t="s">
        <v>1265</v>
      </c>
      <c r="H318" s="2" t="s">
        <v>16</v>
      </c>
      <c r="I318" s="2" t="s">
        <v>24</v>
      </c>
      <c r="J318" s="2" t="s">
        <v>718</v>
      </c>
      <c r="K318" s="2">
        <v>1</v>
      </c>
      <c r="L318" s="2">
        <v>0</v>
      </c>
      <c r="M318" s="2">
        <v>0</v>
      </c>
      <c r="N318" s="2">
        <v>0</v>
      </c>
      <c r="O318" s="2">
        <v>0</v>
      </c>
      <c r="P318" s="2">
        <v>0</v>
      </c>
      <c r="Q318" s="2">
        <v>0</v>
      </c>
      <c r="R318" s="2">
        <v>0</v>
      </c>
      <c r="T318" s="2" t="s">
        <v>1159</v>
      </c>
    </row>
    <row r="319" spans="1:20" ht="20.100000000000001" customHeight="1">
      <c r="A319" s="2">
        <v>1620102158</v>
      </c>
      <c r="B319" s="2" t="s">
        <v>1229</v>
      </c>
      <c r="C319" s="2" t="s">
        <v>1260</v>
      </c>
      <c r="D319" s="4">
        <v>36.708772222222223</v>
      </c>
      <c r="E319" s="4">
        <v>137.2409222222222</v>
      </c>
      <c r="F319" s="2" t="s">
        <v>1291</v>
      </c>
      <c r="G319" s="2" t="s">
        <v>1265</v>
      </c>
      <c r="H319" s="2" t="s">
        <v>16</v>
      </c>
      <c r="I319" s="2" t="s">
        <v>24</v>
      </c>
      <c r="J319" s="2" t="s">
        <v>718</v>
      </c>
      <c r="K319" s="2">
        <v>1</v>
      </c>
      <c r="L319" s="2">
        <v>0</v>
      </c>
      <c r="M319" s="2">
        <v>0</v>
      </c>
      <c r="N319" s="2">
        <v>0</v>
      </c>
      <c r="O319" s="2">
        <v>0</v>
      </c>
      <c r="P319" s="2">
        <v>0</v>
      </c>
      <c r="Q319" s="2">
        <v>0</v>
      </c>
      <c r="R319" s="2">
        <v>0</v>
      </c>
      <c r="T319" s="2" t="s">
        <v>1299</v>
      </c>
    </row>
    <row r="320" spans="1:20" ht="20.100000000000001" customHeight="1">
      <c r="A320" s="2">
        <v>1620102159</v>
      </c>
      <c r="B320" s="2" t="s">
        <v>1230</v>
      </c>
      <c r="C320" s="2" t="s">
        <v>1261</v>
      </c>
      <c r="D320" s="4">
        <v>36.743766666666666</v>
      </c>
      <c r="E320" s="4">
        <v>137.26447222222222</v>
      </c>
      <c r="F320" s="2" t="s">
        <v>1292</v>
      </c>
      <c r="G320" s="2" t="s">
        <v>1265</v>
      </c>
      <c r="H320" s="2" t="s">
        <v>16</v>
      </c>
      <c r="I320" s="2" t="s">
        <v>24</v>
      </c>
      <c r="J320" s="2" t="s">
        <v>718</v>
      </c>
      <c r="K320" s="2">
        <v>1</v>
      </c>
      <c r="L320" s="2">
        <v>0</v>
      </c>
      <c r="M320" s="2">
        <v>0</v>
      </c>
      <c r="N320" s="2">
        <v>0</v>
      </c>
      <c r="O320" s="2">
        <v>0</v>
      </c>
      <c r="P320" s="2">
        <v>0</v>
      </c>
      <c r="Q320" s="2">
        <v>0</v>
      </c>
      <c r="R320" s="2">
        <v>0</v>
      </c>
    </row>
    <row r="321" spans="1:20" ht="20.100000000000001" customHeight="1">
      <c r="A321" s="2">
        <v>1620102160</v>
      </c>
      <c r="B321" s="2" t="s">
        <v>1231</v>
      </c>
      <c r="C321" s="2" t="s">
        <v>1262</v>
      </c>
      <c r="D321" s="4">
        <v>36.700511111111112</v>
      </c>
      <c r="E321" s="4">
        <v>137.26310277777779</v>
      </c>
      <c r="F321" s="2" t="s">
        <v>1293</v>
      </c>
      <c r="G321" s="2" t="s">
        <v>1265</v>
      </c>
      <c r="H321" s="2" t="s">
        <v>16</v>
      </c>
      <c r="I321" s="2" t="s">
        <v>24</v>
      </c>
      <c r="J321" s="2" t="s">
        <v>718</v>
      </c>
      <c r="K321" s="2">
        <v>1</v>
      </c>
      <c r="L321" s="2">
        <v>0</v>
      </c>
      <c r="M321" s="2">
        <v>0</v>
      </c>
      <c r="N321" s="2">
        <v>0</v>
      </c>
      <c r="O321" s="2">
        <v>0</v>
      </c>
      <c r="P321" s="2">
        <v>0</v>
      </c>
      <c r="Q321" s="2">
        <v>0</v>
      </c>
      <c r="R321" s="2">
        <v>0</v>
      </c>
      <c r="T321" s="2" t="s">
        <v>1159</v>
      </c>
    </row>
    <row r="322" spans="1:20" ht="20.100000000000001" customHeight="1">
      <c r="A322" s="2" t="s">
        <v>1234</v>
      </c>
      <c r="B322" s="2" t="s">
        <v>1232</v>
      </c>
      <c r="C322" s="2" t="s">
        <v>1263</v>
      </c>
      <c r="D322" s="4">
        <v>36.752451306499999</v>
      </c>
      <c r="E322" s="4">
        <v>137.20073034000001</v>
      </c>
      <c r="F322" s="2" t="s">
        <v>1294</v>
      </c>
      <c r="G322" s="2" t="s">
        <v>1265</v>
      </c>
      <c r="H322" s="2" t="s">
        <v>16</v>
      </c>
      <c r="I322" s="2" t="s">
        <v>24</v>
      </c>
      <c r="J322" s="2" t="s">
        <v>718</v>
      </c>
      <c r="K322" s="2">
        <v>0</v>
      </c>
      <c r="L322" s="2">
        <v>0</v>
      </c>
      <c r="M322" s="2">
        <v>0</v>
      </c>
      <c r="N322" s="2">
        <v>0</v>
      </c>
      <c r="O322" s="2">
        <v>1</v>
      </c>
      <c r="P322" s="2">
        <v>0</v>
      </c>
      <c r="Q322" s="2">
        <v>0</v>
      </c>
      <c r="R322" s="2">
        <v>0</v>
      </c>
    </row>
    <row r="323" spans="1:20" ht="20.100000000000001" customHeight="1">
      <c r="A323" s="2" t="s">
        <v>1180</v>
      </c>
      <c r="B323" s="2" t="s">
        <v>1177</v>
      </c>
      <c r="C323" s="2" t="s">
        <v>1178</v>
      </c>
      <c r="D323" s="4">
        <v>36.699467790406203</v>
      </c>
      <c r="E323" s="4">
        <v>137.21580234119099</v>
      </c>
      <c r="F323" s="2" t="s">
        <v>1181</v>
      </c>
      <c r="G323" s="2" t="s">
        <v>1179</v>
      </c>
      <c r="H323" s="2" t="s">
        <v>16</v>
      </c>
      <c r="I323" s="2" t="s">
        <v>24</v>
      </c>
      <c r="J323" s="2" t="s">
        <v>718</v>
      </c>
      <c r="K323" s="2" t="s">
        <v>1182</v>
      </c>
      <c r="L323" s="2" t="s">
        <v>1183</v>
      </c>
      <c r="M323" s="2" t="s">
        <v>1183</v>
      </c>
      <c r="N323" s="2" t="s">
        <v>1183</v>
      </c>
      <c r="O323" s="2" t="s">
        <v>1183</v>
      </c>
      <c r="P323" s="2" t="s">
        <v>1183</v>
      </c>
      <c r="Q323" s="2" t="s">
        <v>1183</v>
      </c>
      <c r="R323" s="2" t="s">
        <v>1183</v>
      </c>
      <c r="T323" s="2" t="s">
        <v>1184</v>
      </c>
    </row>
    <row r="324" spans="1:20" ht="20.100000000000001" customHeight="1">
      <c r="A324" s="2" t="s">
        <v>1313</v>
      </c>
      <c r="B324" s="2" t="s">
        <v>1314</v>
      </c>
      <c r="C324" s="2" t="s">
        <v>1315</v>
      </c>
      <c r="D324" s="4">
        <v>36.630877859034896</v>
      </c>
      <c r="E324" s="4">
        <v>137.17095820089199</v>
      </c>
      <c r="F324" s="2" t="s">
        <v>1316</v>
      </c>
      <c r="G324" s="2" t="s">
        <v>1317</v>
      </c>
      <c r="H324" s="2" t="s">
        <v>1318</v>
      </c>
      <c r="I324" s="2" t="s">
        <v>1319</v>
      </c>
      <c r="J324" s="2" t="s">
        <v>1320</v>
      </c>
      <c r="K324" s="2" t="s">
        <v>1321</v>
      </c>
      <c r="L324" s="2" t="s">
        <v>1183</v>
      </c>
      <c r="M324" s="2" t="s">
        <v>1183</v>
      </c>
      <c r="N324" s="2" t="s">
        <v>1183</v>
      </c>
      <c r="O324" s="2" t="s">
        <v>1183</v>
      </c>
      <c r="P324" s="2" t="s">
        <v>1183</v>
      </c>
      <c r="Q324" s="2" t="s">
        <v>1183</v>
      </c>
      <c r="R324" s="2" t="s">
        <v>1183</v>
      </c>
      <c r="T324" s="2" t="s">
        <v>1159</v>
      </c>
    </row>
  </sheetData>
  <phoneticPr fontId="2"/>
  <pageMargins left="0.59055118110236227" right="0.59055118110236227" top="0.98425196850393704" bottom="0.59055118110236227" header="0.51181102362204722" footer="0.51181102362204722"/>
  <pageSetup paperSize="8" scale="60" orientation="landscape" horizontalDpi="4294967292" verticalDpi="4294967292" r:id="rId1"/>
  <headerFooter alignWithMargins="0"/>
  <tableParts count="1">
    <tablePart r:id="rId2"/>
  </tableParts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フォーマットの仕様について</vt:lpstr>
      <vt:lpstr>投入データ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松林　真人</dc:creator>
  <cp:lastModifiedBy>村田　晋治</cp:lastModifiedBy>
  <dcterms:created xsi:type="dcterms:W3CDTF">2019-03-22T11:25:22Z</dcterms:created>
  <dcterms:modified xsi:type="dcterms:W3CDTF">2024-03-17T05:48:23Z</dcterms:modified>
</cp:coreProperties>
</file>